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EC6E6D" w:rsidRDefault="00EC6E6D" w:rsidP="00EC6E6D">
      <w:pPr>
        <w:ind w:left="426" w:right="-1276"/>
      </w:pPr>
    </w:p>
    <w:p w:rsidR="00EC6E6D" w:rsidRDefault="00EC6E6D" w:rsidP="00EC6E6D">
      <w:pPr>
        <w:ind w:left="426" w:right="-1276"/>
      </w:pPr>
    </w:p>
    <w:p w:rsidR="00EC6E6D" w:rsidRDefault="00EC6E6D" w:rsidP="00EC6E6D">
      <w:pPr>
        <w:ind w:left="426" w:right="-1276"/>
      </w:pPr>
    </w:p>
    <w:p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0F7D00">
        <w:rPr>
          <w:rFonts w:ascii="Arial" w:hAnsi="Arial" w:cs="Arial"/>
          <w:sz w:val="40"/>
          <w:szCs w:val="40"/>
        </w:rPr>
        <w:t>Color Print A/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0F7D00">
        <w:rPr>
          <w:rFonts w:ascii="Arial" w:hAnsi="Arial" w:cs="Arial"/>
          <w:sz w:val="40"/>
          <w:szCs w:val="40"/>
        </w:rPr>
        <w:t>Charles Lindberghs Vej 9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0F7D00">
        <w:rPr>
          <w:rFonts w:ascii="Arial" w:hAnsi="Arial" w:cs="Arial"/>
          <w:sz w:val="40"/>
          <w:szCs w:val="40"/>
        </w:rPr>
        <w:t>943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0F7D00">
        <w:rPr>
          <w:rFonts w:ascii="Arial" w:hAnsi="Arial" w:cs="Arial"/>
          <w:sz w:val="40"/>
          <w:szCs w:val="40"/>
        </w:rPr>
        <w:t>Vadum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:rsidR="00EC6E6D" w:rsidRPr="00D04F95" w:rsidRDefault="00EC6E6D" w:rsidP="00EC6E6D">
      <w:pPr>
        <w:rPr>
          <w:sz w:val="22"/>
        </w:rPr>
      </w:pPr>
    </w:p>
    <w:p w:rsidR="00EC6E6D" w:rsidRDefault="00EC6E6D" w:rsidP="00EC6E6D">
      <w:pPr>
        <w:ind w:left="851" w:hanging="851"/>
        <w:rPr>
          <w:sz w:val="22"/>
        </w:rPr>
      </w:pPr>
    </w:p>
    <w:p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:rsidR="00EC6E6D" w:rsidRPr="00245E8B" w:rsidRDefault="000F7D0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1.12.2016</w:t>
            </w:r>
          </w:p>
        </w:tc>
      </w:tr>
      <w:tr w:rsidR="00EC6E6D" w:rsidRPr="00245E8B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:rsidR="00EC6E6D" w:rsidRPr="00245E8B" w:rsidRDefault="000F7D00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 varslet</w:t>
            </w:r>
          </w:p>
          <w:p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:rsidR="00EC6E6D" w:rsidRPr="00245E8B" w:rsidRDefault="000F7D0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6380638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:rsidR="00EC6E6D" w:rsidRPr="00245E8B" w:rsidRDefault="000F7D0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34626073</w:t>
            </w:r>
          </w:p>
        </w:tc>
      </w:tr>
      <w:tr w:rsidR="00EC6E6D" w:rsidRPr="00245E8B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:rsidR="00EC6E6D" w:rsidRPr="00245E8B" w:rsidRDefault="000F7D0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hpc@colorprint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:rsidR="00EC6E6D" w:rsidRPr="00245E8B" w:rsidRDefault="000F7D00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17849677</w:t>
            </w:r>
          </w:p>
          <w:p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:rsidR="00EC6E6D" w:rsidRPr="00F94A99" w:rsidRDefault="000F7D0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E203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Rotations/offset/serigrafisk/</w:t>
            </w:r>
            <w:proofErr w:type="spellStart"/>
            <w:r>
              <w:rPr>
                <w:rFonts w:ascii="Arial" w:hAnsi="Arial" w:cs="Arial"/>
                <w:sz w:val="22"/>
                <w:szCs w:val="22"/>
              </w:rPr>
              <w:t>bogtykkerier</w:t>
            </w:r>
            <w:proofErr w:type="spellEnd"/>
          </w:p>
        </w:tc>
      </w:tr>
      <w:tr w:rsidR="00EC6E6D" w:rsidRPr="00F94A99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:rsidR="00EC6E6D" w:rsidRPr="00F94A99" w:rsidRDefault="000F7D00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  <w:r>
              <w:rPr>
                <w:rFonts w:ascii="Arial" w:hAnsi="Arial" w:cs="Arial"/>
                <w:sz w:val="22"/>
                <w:szCs w:val="22"/>
              </w:rPr>
              <w:t>13.02.2009</w:t>
            </w:r>
          </w:p>
        </w:tc>
      </w:tr>
      <w:tr w:rsidR="00EC6E6D" w:rsidRPr="00F94A99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proofErr w:type="gramStart"/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  <w:proofErr w:type="gramEnd"/>
          </w:p>
        </w:tc>
        <w:tc>
          <w:tcPr>
            <w:tcW w:w="5953" w:type="dxa"/>
            <w:tcBorders>
              <w:right w:val="double" w:sz="4" w:space="0" w:color="auto"/>
            </w:tcBorders>
          </w:tcPr>
          <w:p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294"/>
        <w:gridCol w:w="1858"/>
        <w:gridCol w:w="5669"/>
      </w:tblGrid>
      <w:tr w:rsidR="00EC6E6D" w:rsidRPr="00F94A99" w:rsidTr="0057176D">
        <w:trPr>
          <w:trHeight w:val="548"/>
          <w:tblHeader/>
        </w:trPr>
        <w:tc>
          <w:tcPr>
            <w:tcW w:w="1294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:rsidR="00EC6E6D" w:rsidRPr="005D2D5F" w:rsidRDefault="00EC6E6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858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:rsidR="00EC6E6D" w:rsidRPr="005D2D5F" w:rsidRDefault="00EC6E6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5669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:rsidR="00EC6E6D" w:rsidRPr="005D2D5F" w:rsidRDefault="00EC6E6D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EC6E6D" w:rsidRPr="00F94A99" w:rsidTr="0057176D">
        <w:trPr>
          <w:trHeight w:val="69"/>
        </w:trPr>
        <w:tc>
          <w:tcPr>
            <w:tcW w:w="1294" w:type="dxa"/>
            <w:tcBorders>
              <w:left w:val="double" w:sz="4" w:space="0" w:color="auto"/>
            </w:tcBorders>
          </w:tcPr>
          <w:p w:rsidR="00EC6E6D" w:rsidRPr="00B93A39" w:rsidRDefault="0057176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  <w:r>
              <w:rPr>
                <w:rFonts w:ascii="Arial" w:hAnsi="Arial" w:cs="Arial"/>
                <w:sz w:val="20"/>
                <w:szCs w:val="20"/>
              </w:rPr>
              <w:t>21.12.2016</w:t>
            </w:r>
          </w:p>
        </w:tc>
        <w:tc>
          <w:tcPr>
            <w:tcW w:w="1858" w:type="dxa"/>
          </w:tcPr>
          <w:p w:rsidR="00EC6E6D" w:rsidRPr="00B93A39" w:rsidRDefault="0057176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End w:id="17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5669" w:type="dxa"/>
            <w:tcBorders>
              <w:right w:val="double" w:sz="4" w:space="0" w:color="auto"/>
            </w:tcBorders>
          </w:tcPr>
          <w:p w:rsidR="00EC6E6D" w:rsidRPr="00B93A39" w:rsidRDefault="0057176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" w:name="ind_enforce_comments"/>
            <w:bookmarkEnd w:id="18"/>
            <w:r>
              <w:rPr>
                <w:rFonts w:ascii="Arial" w:hAnsi="Arial" w:cs="Arial"/>
                <w:sz w:val="20"/>
                <w:szCs w:val="20"/>
              </w:rPr>
              <w:t>Farligt affald skal opbevares med mulighed for opsamling.</w:t>
            </w:r>
          </w:p>
        </w:tc>
      </w:tr>
      <w:tr w:rsidR="00EC6E6D" w:rsidRPr="00F94A99" w:rsidTr="0057176D">
        <w:trPr>
          <w:trHeight w:val="69"/>
        </w:trPr>
        <w:tc>
          <w:tcPr>
            <w:tcW w:w="1294" w:type="dxa"/>
            <w:tcBorders>
              <w:left w:val="double" w:sz="4" w:space="0" w:color="auto"/>
              <w:bottom w:val="double" w:sz="4" w:space="0" w:color="auto"/>
            </w:tcBorders>
          </w:tcPr>
          <w:p w:rsidR="00EC6E6D" w:rsidRPr="00CE67CB" w:rsidRDefault="00EC6E6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858" w:type="dxa"/>
            <w:tcBorders>
              <w:bottom w:val="double" w:sz="4" w:space="0" w:color="auto"/>
            </w:tcBorders>
          </w:tcPr>
          <w:p w:rsidR="00EC6E6D" w:rsidRPr="00CE67CB" w:rsidRDefault="00EC6E6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69" w:type="dxa"/>
            <w:tcBorders>
              <w:bottom w:val="double" w:sz="4" w:space="0" w:color="auto"/>
              <w:right w:val="double" w:sz="4" w:space="0" w:color="auto"/>
            </w:tcBorders>
          </w:tcPr>
          <w:p w:rsidR="00EC6E6D" w:rsidRPr="00CE67CB" w:rsidRDefault="00EC6E6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:rsidR="000F7D00" w:rsidRDefault="000F7D0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descr_process"/>
            <w:bookmarkEnd w:id="19"/>
            <w:r>
              <w:rPr>
                <w:rFonts w:ascii="Arial" w:hAnsi="Arial" w:cs="Arial"/>
                <w:sz w:val="20"/>
                <w:szCs w:val="20"/>
              </w:rPr>
              <w:t>Color Print A/S er et rotations-offset trykkeri (heat-set) etableret i 1989, som trykker på næsten alt slags papir. (Brochurer, reklamer, pjecer, kataloger, magasiner, årsberetninger, plakater, kalendere fx v. arktryk, lakering, duftlakering, falsning, sammenhæftning, limbinding, foliering mm.)</w:t>
            </w:r>
          </w:p>
          <w:p w:rsidR="000F7D00" w:rsidRDefault="000F7D0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:rsidR="000F7D00" w:rsidRDefault="000F7D0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havde i perioden 2009-2014 syv trykkerimaskiner, i 2014 blev to maskiner nedtaget, i 2016 er der yderligere nedtaget to maskiner, således der pt. er tre makiner i drift:</w:t>
            </w:r>
          </w:p>
          <w:p w:rsidR="000F7D00" w:rsidRDefault="000F7D0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:rsidR="000F7D00" w:rsidRDefault="000F7D0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askinnavn</w:t>
            </w:r>
            <w:r>
              <w:rPr>
                <w:rFonts w:ascii="Arial" w:hAnsi="Arial" w:cs="Arial"/>
                <w:sz w:val="20"/>
                <w:szCs w:val="20"/>
              </w:rPr>
              <w:tab/>
              <w:t xml:space="preserve">                                   Godkendelsestidspunkt</w:t>
            </w:r>
          </w:p>
          <w:p w:rsidR="000F7D00" w:rsidRDefault="000F7D0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Heidelberg M600B (nedtaget i 2016)              </w:t>
            </w:r>
            <w:r w:rsidR="00753346">
              <w:rPr>
                <w:rFonts w:ascii="Arial" w:hAnsi="Arial" w:cs="Arial"/>
                <w:sz w:val="20"/>
                <w:szCs w:val="20"/>
              </w:rPr>
              <w:t xml:space="preserve">          </w:t>
            </w:r>
            <w:r>
              <w:rPr>
                <w:rFonts w:ascii="Arial" w:hAnsi="Arial" w:cs="Arial"/>
                <w:sz w:val="20"/>
                <w:szCs w:val="20"/>
              </w:rPr>
              <w:t>1997</w:t>
            </w:r>
          </w:p>
          <w:p w:rsidR="000F7D00" w:rsidRDefault="000F7D0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Lithoma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32 (IIIB)</w:t>
            </w:r>
            <w:r>
              <w:rPr>
                <w:rFonts w:ascii="Arial" w:hAnsi="Arial" w:cs="Arial"/>
                <w:sz w:val="20"/>
                <w:szCs w:val="20"/>
              </w:rPr>
              <w:tab/>
              <w:t xml:space="preserve"> (nedtaget i 2016)            </w:t>
            </w:r>
            <w:r w:rsidR="00753346">
              <w:rPr>
                <w:rFonts w:ascii="Arial" w:hAnsi="Arial" w:cs="Arial"/>
                <w:sz w:val="20"/>
                <w:szCs w:val="20"/>
              </w:rPr>
              <w:t xml:space="preserve">            </w:t>
            </w:r>
            <w:r>
              <w:rPr>
                <w:rFonts w:ascii="Arial" w:hAnsi="Arial" w:cs="Arial"/>
                <w:sz w:val="20"/>
                <w:szCs w:val="20"/>
              </w:rPr>
              <w:t>2003</w:t>
            </w:r>
          </w:p>
          <w:p w:rsidR="000F7D00" w:rsidRDefault="000F7D0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Lithoma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48</w:t>
            </w:r>
            <w:r>
              <w:rPr>
                <w:rFonts w:ascii="Arial" w:hAnsi="Arial" w:cs="Arial"/>
                <w:sz w:val="20"/>
                <w:szCs w:val="20"/>
              </w:rPr>
              <w:tab/>
              <w:t xml:space="preserve">                                        2005</w:t>
            </w:r>
          </w:p>
          <w:p w:rsidR="000F7D00" w:rsidRDefault="000F7D00" w:rsidP="00753346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Lithoma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80</w:t>
            </w:r>
            <w:r>
              <w:rPr>
                <w:rFonts w:ascii="Arial" w:hAnsi="Arial" w:cs="Arial"/>
                <w:sz w:val="20"/>
                <w:szCs w:val="20"/>
              </w:rPr>
              <w:tab/>
              <w:t xml:space="preserve">                                        2009</w:t>
            </w:r>
          </w:p>
          <w:p w:rsidR="000F7D00" w:rsidRDefault="000F7D0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KOMORI 750                                           </w:t>
            </w:r>
            <w:r w:rsidR="00753346">
              <w:rPr>
                <w:rFonts w:ascii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>2009</w:t>
            </w:r>
          </w:p>
          <w:p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F94A99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m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0F7D00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product_area"/>
            <w:bookmarkEnd w:id="20"/>
            <w:r>
              <w:rPr>
                <w:rFonts w:ascii="Arial" w:hAnsi="Arial" w:cs="Arial"/>
                <w:sz w:val="20"/>
                <w:szCs w:val="20"/>
              </w:rPr>
              <w:t>26.500</w:t>
            </w:r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:rsidR="00EC6E6D" w:rsidRPr="005D2D5F" w:rsidRDefault="000F7D00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employee_prod"/>
            <w:bookmarkEnd w:id="21"/>
            <w:r>
              <w:rPr>
                <w:rFonts w:ascii="Arial" w:hAnsi="Arial" w:cs="Arial"/>
                <w:sz w:val="20"/>
                <w:szCs w:val="20"/>
              </w:rPr>
              <w:t>95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0F7D00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operating_time"/>
            <w:bookmarkEnd w:id="22"/>
            <w:r>
              <w:rPr>
                <w:rFonts w:ascii="Arial" w:hAnsi="Arial" w:cs="Arial"/>
                <w:sz w:val="20"/>
                <w:szCs w:val="20"/>
              </w:rPr>
              <w:t>0-24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0F7D00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operating_time_sat"/>
            <w:bookmarkEnd w:id="23"/>
            <w:r>
              <w:rPr>
                <w:rFonts w:ascii="Arial" w:hAnsi="Arial" w:cs="Arial"/>
                <w:sz w:val="20"/>
                <w:szCs w:val="20"/>
              </w:rPr>
              <w:t>0-24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:rsidR="00EC6E6D" w:rsidRPr="005D2D5F" w:rsidRDefault="000F7D00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operating_time_sun"/>
            <w:bookmarkEnd w:id="24"/>
            <w:r>
              <w:rPr>
                <w:rFonts w:ascii="Arial" w:hAnsi="Arial" w:cs="Arial"/>
                <w:sz w:val="20"/>
                <w:szCs w:val="20"/>
              </w:rPr>
              <w:t>0-24</w:t>
            </w:r>
          </w:p>
        </w:tc>
      </w:tr>
      <w:tr w:rsidR="00EC6E6D" w:rsidRPr="005D2D5F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env_control_code_env_control_name"/>
            <w:bookmarkEnd w:id="25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6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26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5D2D5F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air_emis_source_source_idX2"/>
            <w:bookmarkEnd w:id="2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5D2D5F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" w:name="ind_air_emis_source_source_idX2_2"/>
            <w:bookmarkEnd w:id="2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5D2D5F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" w:name="ind_air_emis_source_source_idX2_3"/>
            <w:bookmarkEnd w:id="29"/>
            <w:r>
              <w:rPr>
                <w:rFonts w:ascii="Arial" w:hAnsi="Arial" w:cs="Arial"/>
                <w:sz w:val="20"/>
                <w:szCs w:val="20"/>
              </w:rPr>
              <w:t>Nitri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" w:name="ind_air_emis_source_source_idX2_4"/>
            <w:bookmarkEnd w:id="30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EC6E6D" w:rsidRPr="005D2D5F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air_emis_source_source_idX2_5"/>
            <w:bookmarkEnd w:id="3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" w:name="ind_air_emis_source_source_idX2_6"/>
            <w:bookmarkEnd w:id="3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" w:name="ind_air_emis_source_source_idX2_7"/>
            <w:bookmarkEnd w:id="3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air_emis_source_source_idX2_8"/>
            <w:bookmarkEnd w:id="34"/>
            <w:r>
              <w:rPr>
                <w:rFonts w:ascii="Arial" w:hAnsi="Arial" w:cs="Arial"/>
                <w:sz w:val="20"/>
                <w:szCs w:val="20"/>
              </w:rPr>
              <w:t>Carbonmonooxid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X2_9"/>
            <w:bookmarkEnd w:id="35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air_emis_source_source_idX2_10"/>
            <w:bookmarkEnd w:id="3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7" w:name="ind_air_emis_source_source_idX2_11"/>
            <w:bookmarkEnd w:id="3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air_emis_source_source_idX2_12"/>
            <w:bookmarkEnd w:id="3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" w:name="ind_air_emis_source_source_idX2_13"/>
            <w:bookmarkEnd w:id="39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0" w:name="ind_air_emis_source_source_idX2_14"/>
            <w:bookmarkEnd w:id="40"/>
            <w:r>
              <w:rPr>
                <w:rFonts w:ascii="Arial" w:hAnsi="Arial" w:cs="Arial"/>
                <w:sz w:val="20"/>
                <w:szCs w:val="20"/>
              </w:rPr>
              <w:t>5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air_emis_source_source_idX2_15"/>
            <w:bookmarkEnd w:id="4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2" w:name="ind_air_emis_source_source_idX2_16"/>
            <w:bookmarkEnd w:id="4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air_emis_source_source_idX2_17"/>
            <w:bookmarkEnd w:id="4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air_emis_source_source_idX2_18"/>
            <w:bookmarkEnd w:id="44"/>
            <w:r>
              <w:rPr>
                <w:rFonts w:ascii="Arial" w:hAnsi="Arial" w:cs="Arial"/>
                <w:sz w:val="20"/>
                <w:szCs w:val="20"/>
              </w:rPr>
              <w:t>Total kulbrinter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5" w:name="ind_air_emis_source_source_idX2_19"/>
            <w:bookmarkEnd w:id="45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air_emis_source_source_idX2_20"/>
            <w:bookmarkEnd w:id="4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7" w:name="ind_air_emis_source_source_idX2_21"/>
            <w:bookmarkEnd w:id="47"/>
            <w:r>
              <w:rPr>
                <w:rFonts w:ascii="Arial" w:hAnsi="Arial" w:cs="Arial"/>
                <w:sz w:val="20"/>
                <w:szCs w:val="20"/>
              </w:rPr>
              <w:t>10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air_emis_source_source_idX2_22"/>
            <w:bookmarkEnd w:id="48"/>
            <w:r>
              <w:rPr>
                <w:rFonts w:ascii="Arial" w:hAnsi="Arial" w:cs="Arial"/>
                <w:sz w:val="20"/>
                <w:szCs w:val="20"/>
              </w:rPr>
              <w:t>Papirudsu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air_emis_source_source_idX2_23"/>
            <w:bookmarkEnd w:id="49"/>
            <w:r>
              <w:rPr>
                <w:rFonts w:ascii="Arial" w:hAnsi="Arial" w:cs="Arial"/>
                <w:sz w:val="20"/>
                <w:szCs w:val="20"/>
              </w:rPr>
              <w:t>Støv total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0" w:name="ind_air_emis_source_source_idX2_24"/>
            <w:bookmarkEnd w:id="50"/>
            <w:r>
              <w:rPr>
                <w:rFonts w:ascii="Arial" w:hAnsi="Arial" w:cs="Arial"/>
                <w:sz w:val="20"/>
                <w:szCs w:val="20"/>
              </w:rPr>
              <w:t>1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air_emis_source_source_idX2_25"/>
            <w:bookmarkEnd w:id="51"/>
            <w:r>
              <w:rPr>
                <w:rFonts w:ascii="Arial" w:hAnsi="Arial" w:cs="Arial"/>
                <w:sz w:val="20"/>
                <w:szCs w:val="20"/>
              </w:rPr>
              <w:t>Posefilter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2" w:name="ind_air_emis_source_source_idX2_26"/>
            <w:bookmarkEnd w:id="52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air_emis_source_source_idX2_27"/>
            <w:bookmarkEnd w:id="5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air_emis_source_source_idX2_28"/>
            <w:bookmarkEnd w:id="54"/>
            <w:r>
              <w:rPr>
                <w:rFonts w:ascii="Arial" w:hAnsi="Arial" w:cs="Arial"/>
                <w:sz w:val="20"/>
                <w:szCs w:val="20"/>
              </w:rPr>
              <w:t>Nitri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5" w:name="ind_air_emis_source_source_idX2_29"/>
            <w:bookmarkEnd w:id="55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air_emis_source_source_idX2_30"/>
            <w:bookmarkEnd w:id="5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7" w:name="ind_air_emis_source_source_idX2_31"/>
            <w:bookmarkEnd w:id="57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air_emis_source_source_idX2_32"/>
            <w:bookmarkEnd w:id="5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9" w:name="ind_air_emis_source_source_idX2_33"/>
            <w:bookmarkEnd w:id="59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0" w:name="ind_air_emis_source_source_idX2_34"/>
            <w:bookmarkEnd w:id="60"/>
            <w:r>
              <w:rPr>
                <w:rFonts w:ascii="Arial" w:hAnsi="Arial" w:cs="Arial"/>
                <w:sz w:val="20"/>
                <w:szCs w:val="20"/>
              </w:rPr>
              <w:t>5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1" w:name="ind_air_emis_source_source_idX2_35"/>
            <w:bookmarkEnd w:id="6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2" w:name="ind_air_emis_source_source_idX2_36"/>
            <w:bookmarkEnd w:id="62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3" w:name="ind_air_emis_source_source_idX2_37"/>
            <w:bookmarkEnd w:id="6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4" w:name="ind_air_emis_source_source_idX2_38"/>
            <w:bookmarkEnd w:id="64"/>
            <w:r>
              <w:rPr>
                <w:rFonts w:ascii="Arial" w:hAnsi="Arial" w:cs="Arial"/>
                <w:sz w:val="20"/>
                <w:szCs w:val="20"/>
              </w:rPr>
              <w:t>Total kulbrinter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5" w:name="ind_air_emis_source_source_idX2_39"/>
            <w:bookmarkEnd w:id="65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6" w:name="ind_air_emis_source_source_idX2_40"/>
            <w:bookmarkEnd w:id="6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7" w:name="ind_air_emis_source_source_idX2_41"/>
            <w:bookmarkEnd w:id="67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8" w:name="ind_air_emis_source_source_idX2_42"/>
            <w:bookmarkEnd w:id="6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9" w:name="ind_air_emis_source_source_idX2_43"/>
            <w:bookmarkEnd w:id="69"/>
            <w:r>
              <w:rPr>
                <w:rFonts w:ascii="Arial" w:hAnsi="Arial" w:cs="Arial"/>
                <w:sz w:val="20"/>
                <w:szCs w:val="20"/>
              </w:rPr>
              <w:t>Carbonmonooxid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0" w:name="ind_air_emis_source_source_idX2_44"/>
            <w:bookmarkEnd w:id="70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air_emis_source_source_idX2_45"/>
            <w:bookmarkEnd w:id="7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2" w:name="ind_air_emis_source_source_idX2_46"/>
            <w:bookmarkEnd w:id="72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air_emis_source_source_idX2_47"/>
            <w:bookmarkEnd w:id="7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" w:name="ind_air_emis_source_source_idX2_48"/>
            <w:bookmarkEnd w:id="74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5" w:name="ind_air_emis_source_source_idX2_49"/>
            <w:bookmarkEnd w:id="75"/>
            <w:r>
              <w:rPr>
                <w:rFonts w:ascii="Arial" w:hAnsi="Arial" w:cs="Arial"/>
                <w:sz w:val="20"/>
                <w:szCs w:val="20"/>
              </w:rPr>
              <w:t>5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6" w:name="ind_air_emis_source_source_idX2_50"/>
            <w:bookmarkEnd w:id="7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7" w:name="ind_air_emis_source_source_idX2_51"/>
            <w:bookmarkEnd w:id="77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8" w:name="ind_air_emis_source_source_idX2_52"/>
            <w:bookmarkEnd w:id="7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9" w:name="ind_air_emis_source_source_idX2_53"/>
            <w:bookmarkEnd w:id="79"/>
            <w:r>
              <w:rPr>
                <w:rFonts w:ascii="Arial" w:hAnsi="Arial" w:cs="Arial"/>
                <w:sz w:val="20"/>
                <w:szCs w:val="20"/>
              </w:rPr>
              <w:t>Carbonmonooxid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0" w:name="ind_air_emis_source_source_idX2_54"/>
            <w:bookmarkEnd w:id="80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air_emis_source_source_idX2_55"/>
            <w:bookmarkEnd w:id="8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2" w:name="ind_air_emis_source_source_idX2_56"/>
            <w:bookmarkEnd w:id="82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3" w:name="ind_air_emis_source_source_idX2_57"/>
            <w:bookmarkEnd w:id="8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4" w:name="ind_air_emis_source_source_idX2_58"/>
            <w:bookmarkEnd w:id="84"/>
            <w:r>
              <w:rPr>
                <w:rFonts w:ascii="Arial" w:hAnsi="Arial" w:cs="Arial"/>
                <w:sz w:val="20"/>
                <w:szCs w:val="20"/>
              </w:rPr>
              <w:t>Nitri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5" w:name="ind_air_emis_source_source_idX2_59"/>
            <w:bookmarkEnd w:id="85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air_emis_source_source_idX2_60"/>
            <w:bookmarkEnd w:id="8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7" w:name="ind_air_emis_source_source_idX2_61"/>
            <w:bookmarkEnd w:id="87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8" w:name="ind_air_emis_source_source_idX2_62"/>
            <w:bookmarkEnd w:id="8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9" w:name="ind_air_emis_source_source_idX2_63"/>
            <w:bookmarkEnd w:id="89"/>
            <w:r>
              <w:rPr>
                <w:rFonts w:ascii="Arial" w:hAnsi="Arial" w:cs="Arial"/>
                <w:sz w:val="20"/>
                <w:szCs w:val="20"/>
              </w:rPr>
              <w:t>Total kulbrinter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0" w:name="ind_air_emis_source_source_idX2_64"/>
            <w:bookmarkEnd w:id="90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air_emis_source_source_idX2_65"/>
            <w:bookmarkEnd w:id="9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2" w:name="ind_air_emis_source_source_idX2_66"/>
            <w:bookmarkEnd w:id="92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3" w:name="ind_air_emis_source_source_idX2_67"/>
            <w:bookmarkEnd w:id="9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4" w:name="ind_air_emis_source_source_idX2_68"/>
            <w:bookmarkEnd w:id="94"/>
            <w:r>
              <w:rPr>
                <w:rFonts w:ascii="Arial" w:hAnsi="Arial" w:cs="Arial"/>
                <w:sz w:val="20"/>
                <w:szCs w:val="20"/>
              </w:rPr>
              <w:t>Total kulbrinter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5" w:name="ind_air_emis_source_source_idX2_69"/>
            <w:bookmarkEnd w:id="95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6" w:name="ind_air_emis_source_source_idX2_70"/>
            <w:bookmarkEnd w:id="9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7" w:name="ind_air_emis_source_source_idX2_71"/>
            <w:bookmarkEnd w:id="97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8" w:name="ind_air_emis_source_source_idX2_72"/>
            <w:bookmarkEnd w:id="9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9" w:name="ind_air_emis_source_source_idX2_73"/>
            <w:bookmarkEnd w:id="99"/>
            <w:r>
              <w:rPr>
                <w:rFonts w:ascii="Arial" w:hAnsi="Arial" w:cs="Arial"/>
                <w:sz w:val="20"/>
                <w:szCs w:val="20"/>
              </w:rPr>
              <w:t>Carbonmonooxid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0" w:name="ind_air_emis_source_source_idX2_74"/>
            <w:bookmarkEnd w:id="100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1" w:name="ind_air_emis_source_source_idX2_75"/>
            <w:bookmarkEnd w:id="10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2" w:name="ind_air_emis_source_source_idX2_76"/>
            <w:bookmarkEnd w:id="102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air_emis_source_source_idX2_77"/>
            <w:bookmarkEnd w:id="10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4" w:name="ind_air_emis_source_source_idX2_78"/>
            <w:bookmarkEnd w:id="104"/>
            <w:r>
              <w:rPr>
                <w:rFonts w:ascii="Arial" w:hAnsi="Arial" w:cs="Arial"/>
                <w:sz w:val="20"/>
                <w:szCs w:val="20"/>
              </w:rPr>
              <w:t>Nitri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5" w:name="ind_air_emis_source_source_idX2_79"/>
            <w:bookmarkEnd w:id="105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air_emis_source_source_idX2_80"/>
            <w:bookmarkEnd w:id="10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7" w:name="ind_air_emis_source_source_idX2_81"/>
            <w:bookmarkEnd w:id="107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8" w:name="ind_air_emis_source_source_idX2_82"/>
            <w:bookmarkEnd w:id="10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9" w:name="ind_air_emis_source_source_idX2_83"/>
            <w:bookmarkEnd w:id="109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0" w:name="ind_air_emis_source_source_idX2_84"/>
            <w:bookmarkEnd w:id="110"/>
            <w:r>
              <w:rPr>
                <w:rFonts w:ascii="Arial" w:hAnsi="Arial" w:cs="Arial"/>
                <w:sz w:val="20"/>
                <w:szCs w:val="20"/>
              </w:rPr>
              <w:t>5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air_emis_source_source_idX2_85"/>
            <w:bookmarkEnd w:id="11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2" w:name="ind_air_emis_source_source_idX2_86"/>
            <w:bookmarkEnd w:id="112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3" w:name="ind_air_emis_source_source_idX2_87"/>
            <w:bookmarkEnd w:id="11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4" w:name="ind_air_emis_source_source_idX2_88"/>
            <w:bookmarkEnd w:id="114"/>
            <w:r>
              <w:rPr>
                <w:rFonts w:ascii="Arial" w:hAnsi="Arial" w:cs="Arial"/>
                <w:sz w:val="20"/>
                <w:szCs w:val="20"/>
              </w:rPr>
              <w:t>Total kulbrinter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5" w:name="ind_air_emis_source_source_idX2_89"/>
            <w:bookmarkEnd w:id="115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6" w:name="ind_air_emis_source_source_idX2_90"/>
            <w:bookmarkEnd w:id="11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7" w:name="ind_air_emis_source_source_idX2_91"/>
            <w:bookmarkEnd w:id="117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air_emis_source_source_idX2_92"/>
            <w:bookmarkEnd w:id="11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air_emis_source_source_idX2_93"/>
            <w:bookmarkEnd w:id="119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0" w:name="ind_air_emis_source_source_idX2_94"/>
            <w:bookmarkEnd w:id="120"/>
            <w:r>
              <w:rPr>
                <w:rFonts w:ascii="Arial" w:hAnsi="Arial" w:cs="Arial"/>
                <w:sz w:val="20"/>
                <w:szCs w:val="20"/>
              </w:rPr>
              <w:t>5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air_emis_source_source_idX2_95"/>
            <w:bookmarkEnd w:id="12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2" w:name="ind_air_emis_source_source_idX2_96"/>
            <w:bookmarkEnd w:id="122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3" w:name="ind_air_emis_source_source_idX2_97"/>
            <w:bookmarkEnd w:id="12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4" w:name="ind_air_emis_source_source_idX2_98"/>
            <w:bookmarkEnd w:id="124"/>
            <w:r>
              <w:rPr>
                <w:rFonts w:ascii="Arial" w:hAnsi="Arial" w:cs="Arial"/>
                <w:sz w:val="20"/>
                <w:szCs w:val="20"/>
              </w:rPr>
              <w:t>Carbonmonooxid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5" w:name="ind_air_emis_source_source_idX2_99"/>
            <w:bookmarkEnd w:id="125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6" w:name="ind_air_emis_source_source_idX2_100"/>
            <w:bookmarkEnd w:id="12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7" w:name="ind_air_emis_source_source_idX2_101"/>
            <w:bookmarkEnd w:id="127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8" w:name="ind_air_emis_source_source_idX2_102"/>
            <w:bookmarkEnd w:id="12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9" w:name="ind_air_emis_source_source_idX2_103"/>
            <w:bookmarkEnd w:id="129"/>
            <w:r>
              <w:rPr>
                <w:rFonts w:ascii="Arial" w:hAnsi="Arial" w:cs="Arial"/>
                <w:sz w:val="20"/>
                <w:szCs w:val="20"/>
              </w:rPr>
              <w:t>Nitri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0" w:name="ind_air_emis_source_source_idX2_104"/>
            <w:bookmarkEnd w:id="130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1" w:name="ind_air_emis_source_source_idX2_105"/>
            <w:bookmarkEnd w:id="13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2" w:name="ind_air_emis_source_source_idX2_106"/>
            <w:bookmarkEnd w:id="132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3" w:name="ind_air_emis_source_source_idX2_107"/>
            <w:bookmarkEnd w:id="13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4" w:name="ind_air_emis_source_source_idX2_108"/>
            <w:bookmarkEnd w:id="134"/>
            <w:r>
              <w:rPr>
                <w:rFonts w:ascii="Arial" w:hAnsi="Arial" w:cs="Arial"/>
                <w:sz w:val="20"/>
                <w:szCs w:val="20"/>
              </w:rPr>
              <w:t>Total kulbrinter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5" w:name="ind_air_emis_source_source_idX2_109"/>
            <w:bookmarkEnd w:id="135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6" w:name="ind_air_emis_source_source_idX2_110"/>
            <w:bookmarkEnd w:id="13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7" w:name="ind_air_emis_source_source_idX2_111"/>
            <w:bookmarkEnd w:id="137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8" w:name="ind_air_emis_source_source_idX2_112"/>
            <w:bookmarkEnd w:id="13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9" w:name="ind_air_emis_source_source_idX2_113"/>
            <w:bookmarkEnd w:id="139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0" w:name="ind_air_emis_source_source_idX2_114"/>
            <w:bookmarkEnd w:id="140"/>
            <w:r>
              <w:rPr>
                <w:rFonts w:ascii="Arial" w:hAnsi="Arial" w:cs="Arial"/>
                <w:sz w:val="20"/>
                <w:szCs w:val="20"/>
              </w:rPr>
              <w:t>5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1" w:name="ind_air_emis_source_source_idX2_115"/>
            <w:bookmarkEnd w:id="14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2" w:name="ind_air_emis_source_source_idX2_116"/>
            <w:bookmarkEnd w:id="142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3" w:name="ind_air_emis_source_source_idX2_117"/>
            <w:bookmarkEnd w:id="14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4" w:name="ind_air_emis_source_source_idX2_118"/>
            <w:bookmarkEnd w:id="144"/>
            <w:r>
              <w:rPr>
                <w:rFonts w:ascii="Arial" w:hAnsi="Arial" w:cs="Arial"/>
                <w:sz w:val="20"/>
                <w:szCs w:val="20"/>
              </w:rPr>
              <w:t>Carbonmonooxid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5" w:name="ind_air_emis_source_source_idX2_119"/>
            <w:bookmarkEnd w:id="145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6" w:name="ind_air_emis_source_source_idX2_120"/>
            <w:bookmarkEnd w:id="14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7" w:name="ind_air_emis_source_source_idX2_121"/>
            <w:bookmarkEnd w:id="147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8" w:name="ind_air_emis_source_source_idX2_122"/>
            <w:bookmarkEnd w:id="14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9" w:name="ind_air_emis_source_source_idX2_123"/>
            <w:bookmarkEnd w:id="149"/>
            <w:r>
              <w:rPr>
                <w:rFonts w:ascii="Arial" w:hAnsi="Arial" w:cs="Arial"/>
                <w:sz w:val="20"/>
                <w:szCs w:val="20"/>
              </w:rPr>
              <w:t>Nitri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0" w:name="ind_air_emis_source_source_idX2_124"/>
            <w:bookmarkEnd w:id="150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1" w:name="ind_air_emis_source_source_idX2_125"/>
            <w:bookmarkEnd w:id="15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2" w:name="ind_air_emis_source_source_idX2_126"/>
            <w:bookmarkEnd w:id="152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3" w:name="ind_air_emis_source_source_idX2_127"/>
            <w:bookmarkEnd w:id="15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4" w:name="ind_air_emis_source_source_idX2_128"/>
            <w:bookmarkEnd w:id="154"/>
            <w:r>
              <w:rPr>
                <w:rFonts w:ascii="Arial" w:hAnsi="Arial" w:cs="Arial"/>
                <w:sz w:val="20"/>
                <w:szCs w:val="20"/>
              </w:rPr>
              <w:t>Total kulbrinter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5" w:name="ind_air_emis_source_source_idX2_129"/>
            <w:bookmarkEnd w:id="155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6" w:name="ind_air_emis_source_source_idX2_130"/>
            <w:bookmarkEnd w:id="15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7" w:name="ind_air_emis_source_source_idX2_131"/>
            <w:bookmarkEnd w:id="157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8" w:name="ind_air_emis_source_source_idX2_132"/>
            <w:bookmarkEnd w:id="15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9" w:name="ind_air_emis_source_source_idX2_133"/>
            <w:bookmarkEnd w:id="159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0" w:name="ind_air_emis_source_source_idX2_134"/>
            <w:bookmarkEnd w:id="160"/>
            <w:r>
              <w:rPr>
                <w:rFonts w:ascii="Arial" w:hAnsi="Arial" w:cs="Arial"/>
                <w:sz w:val="20"/>
                <w:szCs w:val="20"/>
              </w:rPr>
              <w:t>5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1" w:name="ind_air_emis_source_source_idX2_135"/>
            <w:bookmarkEnd w:id="16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2" w:name="ind_air_emis_source_source_idX2_136"/>
            <w:bookmarkEnd w:id="162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3" w:name="ind_air_emis_source_source_idX2_137"/>
            <w:bookmarkEnd w:id="163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4" w:name="ind_air_emis_source_source_idX2_138"/>
            <w:bookmarkEnd w:id="164"/>
            <w:r>
              <w:rPr>
                <w:rFonts w:ascii="Arial" w:hAnsi="Arial" w:cs="Arial"/>
                <w:sz w:val="20"/>
                <w:szCs w:val="20"/>
              </w:rPr>
              <w:t>Carbonmonooxid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5" w:name="ind_air_emis_source_source_idX2_139"/>
            <w:bookmarkEnd w:id="165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6" w:name="ind_air_emis_source_source_idX2_140"/>
            <w:bookmarkEnd w:id="166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7" w:name="ind_air_emis_source_source_idX2_141"/>
            <w:bookmarkEnd w:id="167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8" w:name="ind_air_emis_source_source_idX2_142"/>
            <w:bookmarkEnd w:id="168"/>
            <w:r>
              <w:rPr>
                <w:rFonts w:ascii="Arial" w:hAnsi="Arial" w:cs="Arial"/>
                <w:sz w:val="20"/>
                <w:szCs w:val="20"/>
              </w:rPr>
              <w:t>Heatset rotation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9" w:name="ind_air_emis_source_source_idX2_143"/>
            <w:bookmarkEnd w:id="169"/>
            <w:r>
              <w:rPr>
                <w:rFonts w:ascii="Arial" w:hAnsi="Arial" w:cs="Arial"/>
                <w:sz w:val="20"/>
                <w:szCs w:val="20"/>
              </w:rPr>
              <w:t>Nitrit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0" w:name="ind_air_emis_source_source_idX2_144"/>
            <w:bookmarkEnd w:id="170"/>
            <w:r>
              <w:rPr>
                <w:rFonts w:ascii="Arial" w:hAnsi="Arial" w:cs="Arial"/>
                <w:sz w:val="20"/>
                <w:szCs w:val="20"/>
              </w:rPr>
              <w:t>10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1" w:name="ind_air_emis_source_source_idX2_145"/>
            <w:bookmarkEnd w:id="171"/>
            <w:r>
              <w:rPr>
                <w:rFonts w:ascii="Arial" w:hAnsi="Arial" w:cs="Arial"/>
                <w:sz w:val="20"/>
                <w:szCs w:val="20"/>
              </w:rPr>
              <w:t>Afbrænding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2" w:name="ind_air_emis_source_source_idX2_146"/>
            <w:bookmarkEnd w:id="172"/>
            <w:r>
              <w:rPr>
                <w:rFonts w:ascii="Arial" w:hAnsi="Arial" w:cs="Arial"/>
                <w:sz w:val="20"/>
                <w:szCs w:val="20"/>
              </w:rPr>
              <w:t>8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3" w:name="ind_air_emis_source_source_idX2_147"/>
            <w:bookmarkEnd w:id="173"/>
            <w:r>
              <w:rPr>
                <w:rFonts w:ascii="Arial" w:hAnsi="Arial" w:cs="Arial"/>
                <w:sz w:val="20"/>
                <w:szCs w:val="20"/>
              </w:rPr>
              <w:t>Papirudsu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4" w:name="ind_air_emis_source_source_idX2_148"/>
            <w:bookmarkEnd w:id="174"/>
            <w:r>
              <w:rPr>
                <w:rFonts w:ascii="Arial" w:hAnsi="Arial" w:cs="Arial"/>
                <w:sz w:val="20"/>
                <w:szCs w:val="20"/>
              </w:rPr>
              <w:t>Støv total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5" w:name="ind_air_emis_source_source_idX2_149"/>
            <w:bookmarkEnd w:id="175"/>
            <w:r>
              <w:rPr>
                <w:rFonts w:ascii="Arial" w:hAnsi="Arial" w:cs="Arial"/>
                <w:sz w:val="20"/>
                <w:szCs w:val="20"/>
              </w:rPr>
              <w:t>1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6" w:name="ind_air_emis_source_source_idX2_150"/>
            <w:bookmarkEnd w:id="176"/>
            <w:r>
              <w:rPr>
                <w:rFonts w:ascii="Arial" w:hAnsi="Arial" w:cs="Arial"/>
                <w:sz w:val="20"/>
                <w:szCs w:val="20"/>
              </w:rPr>
              <w:t>Posefilter</w:t>
            </w:r>
          </w:p>
        </w:tc>
      </w:tr>
      <w:tr w:rsidR="000F7D00" w:rsidRPr="005D2D5F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7" w:name="ind_air_emis_source_source_idX2_151"/>
            <w:bookmarkEnd w:id="177"/>
            <w:r>
              <w:rPr>
                <w:rFonts w:ascii="Arial" w:hAnsi="Arial" w:cs="Arial"/>
                <w:sz w:val="20"/>
                <w:szCs w:val="20"/>
              </w:rPr>
              <w:t>9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8" w:name="ind_air_emis_source_source_idX2_152"/>
            <w:bookmarkEnd w:id="178"/>
            <w:r>
              <w:rPr>
                <w:rFonts w:ascii="Arial" w:hAnsi="Arial" w:cs="Arial"/>
                <w:sz w:val="20"/>
                <w:szCs w:val="20"/>
              </w:rPr>
              <w:t>Papirudsu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9" w:name="ind_air_emis_source_source_idX2_153"/>
            <w:bookmarkEnd w:id="179"/>
            <w:r>
              <w:rPr>
                <w:rFonts w:ascii="Arial" w:hAnsi="Arial" w:cs="Arial"/>
                <w:sz w:val="20"/>
                <w:szCs w:val="20"/>
              </w:rPr>
              <w:t>Støv total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0" w:name="ind_air_emis_source_source_idX2_154"/>
            <w:bookmarkEnd w:id="180"/>
            <w:r>
              <w:rPr>
                <w:rFonts w:ascii="Arial" w:hAnsi="Arial" w:cs="Arial"/>
                <w:sz w:val="20"/>
                <w:szCs w:val="20"/>
              </w:rPr>
              <w:t>1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1" w:name="ind_air_emis_source_source_idX2_155"/>
            <w:bookmarkEnd w:id="181"/>
            <w:r>
              <w:rPr>
                <w:rFonts w:ascii="Arial" w:hAnsi="Arial" w:cs="Arial"/>
                <w:sz w:val="20"/>
                <w:szCs w:val="20"/>
              </w:rPr>
              <w:t>Posefilter</w:t>
            </w:r>
          </w:p>
        </w:tc>
      </w:tr>
    </w:tbl>
    <w:p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2" w:name="ind_air_emis_source_source_id"/>
            <w:bookmarkEnd w:id="18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3" w:name="ind_air_emis_source_source_id_2"/>
            <w:bookmarkEnd w:id="183"/>
            <w:r>
              <w:rPr>
                <w:rFonts w:ascii="Arial" w:hAnsi="Arial" w:cs="Arial"/>
                <w:sz w:val="20"/>
                <w:szCs w:val="20"/>
              </w:rPr>
              <w:t>1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4" w:name="ind_air_emis_source_source_id_3"/>
            <w:bookmarkEnd w:id="184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5" w:name="ind_air_emis_source_source_id_4"/>
            <w:bookmarkEnd w:id="185"/>
            <w:r>
              <w:rPr>
                <w:rFonts w:ascii="Arial" w:hAnsi="Arial" w:cs="Arial"/>
                <w:sz w:val="20"/>
                <w:szCs w:val="20"/>
              </w:rPr>
              <w:t>0,50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6" w:name="ind_air_emis_source_source_id_5"/>
            <w:bookmarkEnd w:id="186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7" w:name="ind_air_emis_source_source_id_6"/>
            <w:bookmarkEnd w:id="18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8" w:name="ind_air_emis_source_source_id_7"/>
            <w:bookmarkEnd w:id="188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EC6E6D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9" w:name="ind_air_emis_source_source_id_8"/>
            <w:bookmarkEnd w:id="189"/>
            <w:r>
              <w:rPr>
                <w:rFonts w:ascii="Arial" w:hAnsi="Arial" w:cs="Arial"/>
                <w:sz w:val="20"/>
                <w:szCs w:val="20"/>
              </w:rPr>
              <w:t>424,0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0" w:name="ind_air_emis_source_source_id_9"/>
            <w:bookmarkEnd w:id="190"/>
            <w:r>
              <w:rPr>
                <w:rFonts w:ascii="Arial" w:hAnsi="Arial" w:cs="Arial"/>
                <w:sz w:val="20"/>
                <w:szCs w:val="20"/>
              </w:rPr>
              <w:t>10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1" w:name="ind_air_emis_source_source_id_10"/>
            <w:bookmarkEnd w:id="191"/>
            <w:r>
              <w:rPr>
                <w:rFonts w:ascii="Arial" w:hAnsi="Arial" w:cs="Arial"/>
                <w:sz w:val="20"/>
                <w:szCs w:val="20"/>
              </w:rPr>
              <w:t>11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2" w:name="ind_air_emis_source_source_id_11"/>
            <w:bookmarkEnd w:id="192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3" w:name="ind_air_emis_source_source_id_12"/>
            <w:bookmarkEnd w:id="193"/>
            <w:r>
              <w:rPr>
                <w:rFonts w:ascii="Arial" w:hAnsi="Arial" w:cs="Arial"/>
                <w:sz w:val="20"/>
                <w:szCs w:val="20"/>
              </w:rPr>
              <w:t>0,60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4" w:name="ind_air_emis_source_source_id_13"/>
            <w:bookmarkEnd w:id="194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5" w:name="ind_air_emis_source_source_id_14"/>
            <w:bookmarkEnd w:id="19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6" w:name="ind_air_emis_source_source_id_15"/>
            <w:bookmarkEnd w:id="196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7" w:name="ind_air_emis_source_source_id_16"/>
            <w:bookmarkEnd w:id="197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8" w:name="ind_air_emis_source_source_id_17"/>
            <w:bookmarkEnd w:id="198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9" w:name="ind_air_emis_source_source_id_18"/>
            <w:bookmarkEnd w:id="199"/>
            <w:r>
              <w:rPr>
                <w:rFonts w:ascii="Arial" w:hAnsi="Arial" w:cs="Arial"/>
                <w:sz w:val="20"/>
                <w:szCs w:val="20"/>
              </w:rPr>
              <w:t>1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0" w:name="ind_air_emis_source_source_id_19"/>
            <w:bookmarkEnd w:id="200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1" w:name="ind_air_emis_source_source_id_20"/>
            <w:bookmarkEnd w:id="201"/>
            <w:r>
              <w:rPr>
                <w:rFonts w:ascii="Arial" w:hAnsi="Arial" w:cs="Arial"/>
                <w:sz w:val="20"/>
                <w:szCs w:val="20"/>
              </w:rPr>
              <w:t>0,50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2" w:name="ind_air_emis_source_source_id_21"/>
            <w:bookmarkEnd w:id="202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3" w:name="ind_air_emis_source_source_id_22"/>
            <w:bookmarkEnd w:id="20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4" w:name="ind_air_emis_source_source_id_23"/>
            <w:bookmarkEnd w:id="204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5" w:name="ind_air_emis_source_source_id_24"/>
            <w:bookmarkEnd w:id="205"/>
            <w:r>
              <w:rPr>
                <w:rFonts w:ascii="Arial" w:hAnsi="Arial" w:cs="Arial"/>
                <w:sz w:val="20"/>
                <w:szCs w:val="20"/>
              </w:rPr>
              <w:t>419,0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6" w:name="ind_air_emis_source_source_id_25"/>
            <w:bookmarkEnd w:id="206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7" w:name="ind_air_emis_source_source_id_26"/>
            <w:bookmarkEnd w:id="207"/>
            <w:r>
              <w:rPr>
                <w:rFonts w:ascii="Arial" w:hAnsi="Arial" w:cs="Arial"/>
                <w:sz w:val="20"/>
                <w:szCs w:val="20"/>
              </w:rPr>
              <w:t>17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8" w:name="ind_air_emis_source_source_id_27"/>
            <w:bookmarkEnd w:id="208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9" w:name="ind_air_emis_source_source_id_28"/>
            <w:bookmarkEnd w:id="209"/>
            <w:r>
              <w:rPr>
                <w:rFonts w:ascii="Arial" w:hAnsi="Arial" w:cs="Arial"/>
                <w:sz w:val="20"/>
                <w:szCs w:val="20"/>
              </w:rPr>
              <w:t>0,50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0" w:name="ind_air_emis_source_source_id_29"/>
            <w:bookmarkEnd w:id="210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1" w:name="ind_air_emis_source_source_id_30"/>
            <w:bookmarkEnd w:id="21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2" w:name="ind_air_emis_source_source_id_31"/>
            <w:bookmarkEnd w:id="212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3" w:name="ind_air_emis_source_source_id_32"/>
            <w:bookmarkEnd w:id="213"/>
            <w:r>
              <w:rPr>
                <w:rFonts w:ascii="Arial" w:hAnsi="Arial" w:cs="Arial"/>
                <w:sz w:val="20"/>
                <w:szCs w:val="20"/>
              </w:rPr>
              <w:t>340,0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4" w:name="ind_air_emis_source_source_id_33"/>
            <w:bookmarkEnd w:id="214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5" w:name="ind_air_emis_source_source_id_34"/>
            <w:bookmarkEnd w:id="215"/>
            <w:r>
              <w:rPr>
                <w:rFonts w:ascii="Arial" w:hAnsi="Arial" w:cs="Arial"/>
                <w:sz w:val="20"/>
                <w:szCs w:val="20"/>
              </w:rPr>
              <w:t>12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6" w:name="ind_air_emis_source_source_id_35"/>
            <w:bookmarkEnd w:id="216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7" w:name="ind_air_emis_source_source_id_36"/>
            <w:bookmarkEnd w:id="217"/>
            <w:r>
              <w:rPr>
                <w:rFonts w:ascii="Arial" w:hAnsi="Arial" w:cs="Arial"/>
                <w:sz w:val="20"/>
                <w:szCs w:val="20"/>
              </w:rPr>
              <w:t>0,56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8" w:name="ind_air_emis_source_source_id_37"/>
            <w:bookmarkEnd w:id="218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9" w:name="ind_air_emis_source_source_id_38"/>
            <w:bookmarkEnd w:id="219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0" w:name="ind_air_emis_source_source_id_39"/>
            <w:bookmarkEnd w:id="220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1" w:name="ind_air_emis_source_source_id_40"/>
            <w:bookmarkEnd w:id="221"/>
            <w:r>
              <w:rPr>
                <w:rFonts w:ascii="Arial" w:hAnsi="Arial" w:cs="Arial"/>
                <w:sz w:val="20"/>
                <w:szCs w:val="20"/>
              </w:rPr>
              <w:t>409,0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2" w:name="ind_air_emis_source_source_id_41"/>
            <w:bookmarkEnd w:id="222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3" w:name="ind_air_emis_source_source_id_42"/>
            <w:bookmarkEnd w:id="223"/>
            <w:r>
              <w:rPr>
                <w:rFonts w:ascii="Arial" w:hAnsi="Arial" w:cs="Arial"/>
                <w:sz w:val="20"/>
                <w:szCs w:val="20"/>
              </w:rPr>
              <w:t>1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4" w:name="ind_air_emis_source_source_id_43"/>
            <w:bookmarkEnd w:id="224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5" w:name="ind_air_emis_source_source_id_44"/>
            <w:bookmarkEnd w:id="225"/>
            <w:r>
              <w:rPr>
                <w:rFonts w:ascii="Arial" w:hAnsi="Arial" w:cs="Arial"/>
                <w:sz w:val="20"/>
                <w:szCs w:val="20"/>
              </w:rPr>
              <w:t>0,64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6" w:name="ind_air_emis_source_source_id_45"/>
            <w:bookmarkEnd w:id="226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7" w:name="ind_air_emis_source_source_id_46"/>
            <w:bookmarkEnd w:id="22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8" w:name="ind_air_emis_source_source_id_47"/>
            <w:bookmarkEnd w:id="228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9" w:name="ind_air_emis_source_source_id_48"/>
            <w:bookmarkEnd w:id="229"/>
            <w:r>
              <w:rPr>
                <w:rFonts w:ascii="Arial" w:hAnsi="Arial" w:cs="Arial"/>
                <w:sz w:val="20"/>
                <w:szCs w:val="20"/>
              </w:rPr>
              <w:t>333,0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0" w:name="ind_air_emis_source_source_id_49"/>
            <w:bookmarkEnd w:id="230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1" w:name="ind_air_emis_source_source_id_50"/>
            <w:bookmarkEnd w:id="231"/>
            <w:r>
              <w:rPr>
                <w:rFonts w:ascii="Arial" w:hAnsi="Arial" w:cs="Arial"/>
                <w:sz w:val="20"/>
                <w:szCs w:val="20"/>
              </w:rPr>
              <w:t>15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2" w:name="ind_air_emis_source_source_id_51"/>
            <w:bookmarkEnd w:id="232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3" w:name="ind_air_emis_source_source_id_52"/>
            <w:bookmarkEnd w:id="233"/>
            <w:r>
              <w:rPr>
                <w:rFonts w:ascii="Arial" w:hAnsi="Arial" w:cs="Arial"/>
                <w:sz w:val="20"/>
                <w:szCs w:val="20"/>
              </w:rPr>
              <w:t>0,64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4" w:name="ind_air_emis_source_source_id_53"/>
            <w:bookmarkEnd w:id="234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5" w:name="ind_air_emis_source_source_id_54"/>
            <w:bookmarkEnd w:id="23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6" w:name="ind_air_emis_source_source_id_55"/>
            <w:bookmarkEnd w:id="236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7" w:name="ind_air_emis_source_source_id_56"/>
            <w:bookmarkEnd w:id="237"/>
            <w:r>
              <w:rPr>
                <w:rFonts w:ascii="Arial" w:hAnsi="Arial" w:cs="Arial"/>
                <w:sz w:val="20"/>
                <w:szCs w:val="20"/>
              </w:rPr>
              <w:t>333,0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8" w:name="ind_air_emis_source_source_id_57"/>
            <w:bookmarkEnd w:id="238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9" w:name="ind_air_emis_source_source_id_58"/>
            <w:bookmarkEnd w:id="239"/>
            <w:r>
              <w:rPr>
                <w:rFonts w:ascii="Arial" w:hAnsi="Arial" w:cs="Arial"/>
                <w:sz w:val="20"/>
                <w:szCs w:val="20"/>
              </w:rPr>
              <w:t>15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0" w:name="ind_air_emis_source_source_id_59"/>
            <w:bookmarkEnd w:id="240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1" w:name="ind_air_emis_source_source_id_60"/>
            <w:bookmarkEnd w:id="241"/>
            <w:r>
              <w:rPr>
                <w:rFonts w:ascii="Arial" w:hAnsi="Arial" w:cs="Arial"/>
                <w:sz w:val="20"/>
                <w:szCs w:val="20"/>
              </w:rPr>
              <w:t>0,90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2" w:name="ind_air_emis_source_source_id_61"/>
            <w:bookmarkEnd w:id="242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3" w:name="ind_air_emis_source_source_id_62"/>
            <w:bookmarkEnd w:id="24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4" w:name="ind_air_emis_source_source_id_63"/>
            <w:bookmarkEnd w:id="244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5" w:name="ind_air_emis_source_source_id_64"/>
            <w:bookmarkEnd w:id="245"/>
            <w:r>
              <w:rPr>
                <w:rFonts w:ascii="Arial" w:hAnsi="Arial" w:cs="Arial"/>
                <w:sz w:val="20"/>
                <w:szCs w:val="20"/>
              </w:rPr>
              <w:t>333,0</w:t>
            </w:r>
          </w:p>
        </w:tc>
      </w:tr>
      <w:tr w:rsidR="000F7D00" w:rsidRPr="005D2D5F" w:rsidTr="000F7D00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6" w:name="ind_air_emis_source_source_id_65"/>
            <w:bookmarkEnd w:id="246"/>
            <w:r>
              <w:rPr>
                <w:rFonts w:ascii="Arial" w:hAnsi="Arial" w:cs="Arial"/>
                <w:sz w:val="20"/>
                <w:szCs w:val="20"/>
              </w:rPr>
              <w:t>8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7" w:name="ind_air_emis_source_source_id_66"/>
            <w:bookmarkEnd w:id="247"/>
            <w:r>
              <w:rPr>
                <w:rFonts w:ascii="Arial" w:hAnsi="Arial" w:cs="Arial"/>
                <w:sz w:val="20"/>
                <w:szCs w:val="20"/>
              </w:rPr>
              <w:t>11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8" w:name="ind_air_emis_source_source_id_67"/>
            <w:bookmarkEnd w:id="248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9" w:name="ind_air_emis_source_source_id_68"/>
            <w:bookmarkEnd w:id="249"/>
            <w:r>
              <w:rPr>
                <w:rFonts w:ascii="Arial" w:hAnsi="Arial" w:cs="Arial"/>
                <w:sz w:val="20"/>
                <w:szCs w:val="20"/>
              </w:rPr>
              <w:t>1,00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0" w:name="ind_air_emis_source_source_id_69"/>
            <w:bookmarkEnd w:id="250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1" w:name="ind_air_emis_source_source_id_70"/>
            <w:bookmarkEnd w:id="25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2" w:name="ind_air_emis_source_source_id_71"/>
            <w:bookmarkEnd w:id="252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3" w:name="ind_air_emis_source_source_id_72"/>
            <w:bookmarkEnd w:id="253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</w:tr>
      <w:tr w:rsidR="000F7D00" w:rsidRPr="005D2D5F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4" w:name="ind_air_emis_source_source_id_73"/>
            <w:bookmarkEnd w:id="254"/>
            <w:r>
              <w:rPr>
                <w:rFonts w:ascii="Arial" w:hAnsi="Arial" w:cs="Arial"/>
                <w:sz w:val="20"/>
                <w:szCs w:val="20"/>
              </w:rPr>
              <w:t>9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5" w:name="ind_air_emis_source_source_id_74"/>
            <w:bookmarkEnd w:id="255"/>
            <w:r>
              <w:rPr>
                <w:rFonts w:ascii="Arial" w:hAnsi="Arial" w:cs="Arial"/>
                <w:sz w:val="20"/>
                <w:szCs w:val="20"/>
              </w:rPr>
              <w:t>11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6" w:name="ind_air_emis_source_source_id_75"/>
            <w:bookmarkEnd w:id="256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7" w:name="ind_air_emis_source_source_id_76"/>
            <w:bookmarkEnd w:id="257"/>
            <w:r>
              <w:rPr>
                <w:rFonts w:ascii="Arial" w:hAnsi="Arial" w:cs="Arial"/>
                <w:sz w:val="20"/>
                <w:szCs w:val="20"/>
              </w:rPr>
              <w:t>0,71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8" w:name="ind_air_emis_source_source_id_77"/>
            <w:bookmarkEnd w:id="258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9" w:name="ind_air_emis_source_source_id_78"/>
            <w:bookmarkEnd w:id="259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F7D00" w:rsidRPr="005D2D5F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0" w:name="ind_air_emis_source_source_id_79"/>
            <w:bookmarkEnd w:id="260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:rsidR="000F7D00" w:rsidRDefault="000F7D00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1" w:name="ind_air_emis_source_source_id_80"/>
            <w:bookmarkEnd w:id="261"/>
            <w:r>
              <w:rPr>
                <w:rFonts w:ascii="Arial" w:hAnsi="Arial" w:cs="Arial"/>
                <w:sz w:val="20"/>
                <w:szCs w:val="20"/>
              </w:rPr>
              <w:t>20,0</w:t>
            </w:r>
          </w:p>
        </w:tc>
      </w:tr>
    </w:tbl>
    <w:p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:rsidTr="000F7D00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vAlign w:val="center"/>
          </w:tcPr>
          <w:p w:rsidR="00EC6E6D" w:rsidRPr="005D2D5F" w:rsidRDefault="000F7D0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62" w:name="ind_energy_types_energy_type_name"/>
            <w:bookmarkEnd w:id="262"/>
            <w:r>
              <w:rPr>
                <w:rFonts w:ascii="Arial" w:hAnsi="Arial" w:cs="Arial"/>
                <w:sz w:val="20"/>
                <w:szCs w:val="20"/>
              </w:rPr>
              <w:t>Naturgas</w:t>
            </w:r>
          </w:p>
        </w:tc>
      </w:tr>
      <w:tr w:rsidR="000F7D00" w:rsidRPr="005D2D5F" w:rsidTr="003C691D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vAlign w:val="center"/>
          </w:tcPr>
          <w:p w:rsidR="000F7D00" w:rsidRDefault="000F7D00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63" w:name="ind_energy_types_energy_type_name_2"/>
            <w:bookmarkEnd w:id="263"/>
            <w:r>
              <w:rPr>
                <w:rFonts w:ascii="Arial" w:hAnsi="Arial" w:cs="Arial"/>
                <w:sz w:val="20"/>
                <w:szCs w:val="20"/>
              </w:rPr>
              <w:t>Fjernvarme</w:t>
            </w:r>
          </w:p>
        </w:tc>
      </w:tr>
      <w:tr w:rsidR="003C691D" w:rsidRPr="005D2D5F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:rsidR="003C691D" w:rsidRDefault="003C691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Genvinding af varme fra produktion</w:t>
            </w:r>
          </w:p>
        </w:tc>
      </w:tr>
    </w:tbl>
    <w:p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:rsidTr="000F7D0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4" w:name="ind_control_items_control_item_name"/>
            <w:bookmarkEnd w:id="264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5" w:name="ind_control_items_control_item_name_2"/>
            <w:bookmarkEnd w:id="265"/>
          </w:p>
        </w:tc>
      </w:tr>
      <w:tr w:rsidR="000F7D00" w:rsidRPr="005D2D5F" w:rsidTr="000F7D0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6" w:name="ind_control_items_control_item_name_3"/>
            <w:bookmarkEnd w:id="266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F7D00" w:rsidRPr="005D2D5F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7" w:name="ind_control_items_control_item_name_4"/>
            <w:bookmarkEnd w:id="267"/>
            <w:r>
              <w:rPr>
                <w:rFonts w:ascii="Arial" w:hAnsi="Arial" w:cs="Arial"/>
                <w:sz w:val="20"/>
                <w:szCs w:val="20"/>
              </w:rPr>
              <w:t>Virksomheden har ikke etableret nye afkast siden det seneste tilsyn.</w:t>
            </w:r>
          </w:p>
        </w:tc>
      </w:tr>
      <w:tr w:rsidR="000F7D00" w:rsidRPr="005D2D5F" w:rsidTr="000F7D0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8" w:name="ind_control_items_control_item_name_5"/>
            <w:bookmarkEnd w:id="268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9" w:name="ind_control_items_control_item_name_6"/>
            <w:bookmarkEnd w:id="269"/>
            <w:r>
              <w:rPr>
                <w:rFonts w:ascii="Arial" w:hAnsi="Arial" w:cs="Arial"/>
                <w:sz w:val="20"/>
                <w:szCs w:val="20"/>
              </w:rPr>
              <w:t>Virksomheden fører journal over service, eftersyn og udskiftning af posefiltre på papirudsugningsanlægget.</w:t>
            </w:r>
          </w:p>
        </w:tc>
      </w:tr>
      <w:tr w:rsidR="000F7D00" w:rsidRPr="005D2D5F" w:rsidTr="000F7D0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70" w:name="ind_control_items_control_item_name_7"/>
            <w:bookmarkEnd w:id="270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71" w:name="ind_control_items_control_item_name_8"/>
            <w:bookmarkEnd w:id="271"/>
          </w:p>
        </w:tc>
      </w:tr>
      <w:tr w:rsidR="000F7D00" w:rsidRPr="005D2D5F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72" w:name="ind_control_items_control_item_name_9"/>
            <w:bookmarkEnd w:id="272"/>
            <w:r>
              <w:rPr>
                <w:rFonts w:ascii="Arial" w:hAnsi="Arial" w:cs="Arial"/>
                <w:sz w:val="20"/>
                <w:szCs w:val="20"/>
              </w:rPr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73" w:name="ind_control_items_control_item_name_10"/>
            <w:bookmarkEnd w:id="273"/>
            <w:r>
              <w:rPr>
                <w:rFonts w:ascii="Arial" w:hAnsi="Arial" w:cs="Arial"/>
                <w:sz w:val="20"/>
                <w:szCs w:val="20"/>
              </w:rPr>
              <w:t>Der er i godkendelsen fastsat vilkår for forbrug af opløsningsmidler og grænseværdier for emissions af TOC, CO, NOx samt lugt.</w:t>
            </w:r>
          </w:p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274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274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:rsidTr="000F7D00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EC6E6D" w:rsidRPr="005D2D5F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5" w:name="ind_noise_noise_id"/>
            <w:bookmarkEnd w:id="275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EC6E6D" w:rsidRPr="005D2D5F" w:rsidRDefault="000F7D0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6" w:name="ind_noise_noise_id_2"/>
            <w:bookmarkEnd w:id="276"/>
            <w:r>
              <w:rPr>
                <w:rFonts w:ascii="Arial" w:hAnsi="Arial" w:cs="Arial"/>
                <w:sz w:val="20"/>
                <w:szCs w:val="20"/>
              </w:rPr>
              <w:t>Ventilation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7" w:name="ind_noise_noise_id_3"/>
            <w:bookmarkEnd w:id="277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:rsidR="00EC6E6D" w:rsidRPr="005D2D5F" w:rsidRDefault="000F7D0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8" w:name="ind_noise_noise_id_4"/>
            <w:bookmarkEnd w:id="278"/>
            <w:r>
              <w:rPr>
                <w:rFonts w:ascii="Arial" w:hAnsi="Arial" w:cs="Arial"/>
                <w:sz w:val="20"/>
                <w:szCs w:val="20"/>
              </w:rPr>
              <w:t>Lydisolering</w:t>
            </w:r>
          </w:p>
        </w:tc>
      </w:tr>
      <w:tr w:rsidR="000F7D00" w:rsidRPr="005D2D5F" w:rsidTr="000F7D00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9" w:name="ind_noise_noise_id_5"/>
            <w:bookmarkEnd w:id="279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F7D00" w:rsidRDefault="000F7D0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0" w:name="ind_noise_noise_id_6"/>
            <w:bookmarkEnd w:id="280"/>
            <w:r>
              <w:rPr>
                <w:rFonts w:ascii="Arial" w:hAnsi="Arial" w:cs="Arial"/>
                <w:sz w:val="20"/>
                <w:szCs w:val="20"/>
              </w:rPr>
              <w:t>Motorer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F7D00" w:rsidRPr="005D2D5F" w:rsidRDefault="000F7D00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1" w:name="ind_noise_noise_id_7"/>
            <w:bookmarkEnd w:id="281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:rsidR="000F7D00" w:rsidRDefault="000F7D0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2" w:name="ind_noise_noise_id_8"/>
            <w:bookmarkEnd w:id="282"/>
          </w:p>
        </w:tc>
      </w:tr>
      <w:tr w:rsidR="000F7D00" w:rsidRPr="005D2D5F" w:rsidTr="000F7D00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3" w:name="ind_noise_noise_id_9"/>
            <w:bookmarkEnd w:id="283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F7D00" w:rsidRDefault="000F7D0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4" w:name="ind_noise_noise_id_10"/>
            <w:bookmarkEnd w:id="284"/>
            <w:r>
              <w:rPr>
                <w:rFonts w:ascii="Arial" w:hAnsi="Arial" w:cs="Arial"/>
                <w:sz w:val="20"/>
                <w:szCs w:val="20"/>
              </w:rPr>
              <w:t>Kompressor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F7D00" w:rsidRPr="005D2D5F" w:rsidRDefault="000F7D00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5" w:name="ind_noise_noise_id_11"/>
            <w:bookmarkEnd w:id="285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:rsidR="000F7D00" w:rsidRDefault="000F7D0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6" w:name="ind_noise_noise_id_12"/>
            <w:bookmarkEnd w:id="286"/>
          </w:p>
        </w:tc>
      </w:tr>
      <w:tr w:rsidR="000F7D00" w:rsidRPr="005D2D5F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:rsidR="000F7D00" w:rsidRDefault="000F7D00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7" w:name="ind_noise_noise_id_13"/>
            <w:bookmarkEnd w:id="287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:rsidR="000F7D00" w:rsidRDefault="000F7D0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8" w:name="ind_noise_noise_id_14"/>
            <w:bookmarkEnd w:id="288"/>
            <w:r>
              <w:rPr>
                <w:rFonts w:ascii="Arial" w:hAnsi="Arial" w:cs="Arial"/>
                <w:sz w:val="20"/>
                <w:szCs w:val="20"/>
              </w:rPr>
              <w:t>Intern transport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:rsidR="000F7D00" w:rsidRPr="005D2D5F" w:rsidRDefault="000F7D00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9" w:name="ind_noise_noise_id_15"/>
            <w:bookmarkEnd w:id="289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:rsidR="000F7D00" w:rsidRDefault="000F7D00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:rsidTr="000F7D0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5D2D5F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0" w:name="ind_control_items_control_item_nameX2"/>
            <w:bookmarkEnd w:id="290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EC6E6D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1" w:name="ind_control_items_control_item_nameX2_2"/>
            <w:bookmarkEnd w:id="291"/>
            <w:r>
              <w:rPr>
                <w:rFonts w:ascii="Arial" w:hAnsi="Arial" w:cs="Arial"/>
                <w:sz w:val="20"/>
                <w:szCs w:val="20"/>
              </w:rPr>
              <w:t>Der har senest været en klage over støj fra virksomheden i efteråret 2014. Det blev vurderet, at der ikke var belæg for at antage, at grænseværdierne for støj ikke var overholdt.</w:t>
            </w:r>
          </w:p>
          <w:p w:rsidR="00753346" w:rsidRPr="005D2D5F" w:rsidRDefault="00753346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F7D00" w:rsidRPr="005D2D5F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2" w:name="ind_control_items_control_item_nameX2_3"/>
            <w:bookmarkEnd w:id="292"/>
            <w:r>
              <w:rPr>
                <w:rFonts w:ascii="Arial" w:hAnsi="Arial" w:cs="Arial"/>
                <w:sz w:val="20"/>
                <w:szCs w:val="20"/>
              </w:rPr>
              <w:t>Støj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0F7D00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3" w:name="ind_control_items_control_item_nameX2_4"/>
            <w:bookmarkEnd w:id="293"/>
            <w:r>
              <w:rPr>
                <w:rFonts w:ascii="Arial" w:hAnsi="Arial" w:cs="Arial"/>
                <w:sz w:val="20"/>
                <w:szCs w:val="20"/>
              </w:rPr>
              <w:t>Der er fastsat støjgrænseværdier i godkendelsen.</w:t>
            </w:r>
          </w:p>
        </w:tc>
      </w:tr>
    </w:tbl>
    <w:p w:rsidR="00EC6E6D" w:rsidRPr="00F94A99" w:rsidRDefault="00EC6E6D" w:rsidP="00753346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5D2D5F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4" w:name="ind_control_items_control_item_nameX3"/>
            <w:bookmarkEnd w:id="294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EC6E6D" w:rsidRPr="005D2D5F" w:rsidRDefault="000F7D00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5" w:name="ind_control_items_control_item_nameX3_2"/>
            <w:bookmarkEnd w:id="295"/>
            <w:r>
              <w:rPr>
                <w:rFonts w:ascii="Arial" w:hAnsi="Arial" w:cs="Arial"/>
                <w:sz w:val="20"/>
                <w:szCs w:val="20"/>
              </w:rPr>
              <w:t>Kun sanitært spildevand. Rester af fugtevand opsamles og bortskaffes.</w:t>
            </w:r>
          </w:p>
        </w:tc>
      </w:tr>
    </w:tbl>
    <w:p w:rsidR="00EC6E6D" w:rsidRPr="00F94A99" w:rsidRDefault="00EC6E6D" w:rsidP="00F81576">
      <w:pPr>
        <w:pStyle w:val="Overskrift2"/>
        <w:ind w:left="426"/>
        <w:rPr>
          <w:rFonts w:ascii="Arial" w:hAnsi="Arial" w:cs="Arial"/>
          <w:sz w:val="22"/>
          <w:szCs w:val="22"/>
        </w:rPr>
      </w:pPr>
      <w:bookmarkStart w:id="296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296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B93A39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7" w:name="ind_control_items_control_item_nameX4"/>
            <w:bookmarkEnd w:id="297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EC6E6D" w:rsidRPr="00B93A39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8" w:name="ind_control_items_control_item_nameX4_2"/>
            <w:bookmarkEnd w:id="298"/>
            <w:r>
              <w:rPr>
                <w:rFonts w:ascii="Arial" w:hAnsi="Arial" w:cs="Arial"/>
                <w:sz w:val="20"/>
                <w:szCs w:val="20"/>
              </w:rPr>
              <w:t>Ingen</w:t>
            </w:r>
          </w:p>
        </w:tc>
      </w:tr>
    </w:tbl>
    <w:p w:rsidR="00EC6E6D" w:rsidRPr="00F94A99" w:rsidRDefault="00EC6E6D" w:rsidP="00753346">
      <w:pPr>
        <w:pStyle w:val="Overskrift2"/>
        <w:ind w:left="426"/>
        <w:rPr>
          <w:rFonts w:ascii="Arial" w:hAnsi="Arial" w:cs="Arial"/>
          <w:sz w:val="22"/>
          <w:szCs w:val="22"/>
        </w:rPr>
      </w:pPr>
      <w:bookmarkStart w:id="299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299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EC6E6D" w:rsidRPr="00245E8B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0" w:name="ind_control_items_control_item_nameX5"/>
            <w:bookmarkEnd w:id="300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EC6E6D" w:rsidRPr="00245E8B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1" w:name="ind_control_items_control_item_nameX5_2"/>
            <w:bookmarkEnd w:id="301"/>
            <w:r>
              <w:rPr>
                <w:rFonts w:ascii="Arial" w:hAnsi="Arial" w:cs="Arial"/>
                <w:sz w:val="20"/>
                <w:szCs w:val="20"/>
              </w:rPr>
              <w:t>Ingen</w:t>
            </w:r>
          </w:p>
        </w:tc>
      </w:tr>
    </w:tbl>
    <w:p w:rsidR="00EC6E6D" w:rsidRPr="00F94A99" w:rsidRDefault="00EC6E6D" w:rsidP="003C691D">
      <w:pPr>
        <w:pStyle w:val="Overskrift2"/>
        <w:ind w:left="426"/>
        <w:rPr>
          <w:rFonts w:ascii="Arial" w:hAnsi="Arial" w:cs="Arial"/>
          <w:sz w:val="22"/>
          <w:szCs w:val="22"/>
        </w:rPr>
      </w:pPr>
      <w:bookmarkStart w:id="302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302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0F7D0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3" w:name="ind_control_items_control_item_nameX6"/>
            <w:bookmarkEnd w:id="303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4" w:name="ind_control_items_control_item_nameX6_2"/>
            <w:bookmarkEnd w:id="304"/>
          </w:p>
        </w:tc>
      </w:tr>
      <w:tr w:rsidR="000F7D00" w:rsidRPr="00245E8B" w:rsidTr="000F7D0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5" w:name="ind_control_items_control_item_nameX6_3"/>
            <w:bookmarkEnd w:id="305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6" w:name="ind_control_items_control_item_nameX6_4"/>
            <w:bookmarkEnd w:id="306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</w:tr>
      <w:tr w:rsidR="000F7D00" w:rsidRPr="00245E8B" w:rsidTr="000F7D00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7" w:name="ind_control_items_control_item_nameX6_5"/>
            <w:bookmarkEnd w:id="307"/>
            <w:r>
              <w:rPr>
                <w:rFonts w:ascii="Arial" w:hAnsi="Arial" w:cs="Arial"/>
                <w:sz w:val="20"/>
                <w:szCs w:val="20"/>
              </w:rPr>
              <w:t>Råvarer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8" w:name="ind_control_items_control_item_nameX6_6"/>
            <w:bookmarkEnd w:id="308"/>
            <w:r>
              <w:rPr>
                <w:rFonts w:ascii="Arial" w:hAnsi="Arial" w:cs="Arial"/>
                <w:sz w:val="20"/>
                <w:szCs w:val="20"/>
              </w:rPr>
              <w:t>Der er vilkår om, at virksomheden senest 1. december hvert år skal indsende journal over indkøb af stoffer indeholdende opløsnings- og fortyndingsmidler.</w:t>
            </w:r>
          </w:p>
          <w:p w:rsidR="00753346" w:rsidRDefault="00753346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F7D00" w:rsidRPr="00245E8B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9" w:name="ind_control_items_control_item_nameX6_7"/>
            <w:bookmarkEnd w:id="309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0" w:name="ind_control_items_control_item_nameX6_8"/>
            <w:bookmarkEnd w:id="310"/>
            <w:r>
              <w:rPr>
                <w:rFonts w:ascii="Arial" w:hAnsi="Arial" w:cs="Arial"/>
                <w:sz w:val="20"/>
                <w:szCs w:val="20"/>
              </w:rPr>
              <w:t>Tæt belægning</w:t>
            </w:r>
          </w:p>
        </w:tc>
      </w:tr>
    </w:tbl>
    <w:p w:rsidR="009E0B08" w:rsidRDefault="009E0B08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</w:p>
    <w:p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11" w:name="_GoBack"/>
      <w:bookmarkEnd w:id="311"/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2" w:name="wst_fraction_1_fraction_1_nameX2"/>
            <w:bookmarkEnd w:id="312"/>
            <w:r>
              <w:rPr>
                <w:rFonts w:ascii="Arial" w:hAnsi="Arial" w:cs="Arial"/>
                <w:sz w:val="20"/>
                <w:szCs w:val="20"/>
              </w:rPr>
              <w:t xml:space="preserve">Alkohol/vand fr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ylonclichéer</w:t>
            </w:r>
            <w:proofErr w:type="spellEnd"/>
          </w:p>
          <w:p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3" w:name="wst_fraction_1_fraction_1_nameX2_2"/>
            <w:bookmarkEnd w:id="313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4" w:name="wst_fraction_1_fraction_1_nameX2_3"/>
            <w:bookmarkEnd w:id="314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5" w:name="wst_fraction_1_fraction_1_nameX2_4"/>
            <w:bookmarkEnd w:id="315"/>
            <w:r>
              <w:rPr>
                <w:rFonts w:ascii="Arial" w:hAnsi="Arial" w:cs="Arial"/>
                <w:sz w:val="20"/>
                <w:szCs w:val="20"/>
              </w:rPr>
              <w:t>Palletank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6" w:name="wst_fraction_1_fraction_1_nameX2_5"/>
            <w:bookmarkEnd w:id="316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7" w:name="wst_fraction_1_fraction_1_nameX2_6"/>
            <w:bookmarkEnd w:id="317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8" w:name="wst_fraction_1_fraction_1_nameX2_7"/>
            <w:bookmarkEnd w:id="318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9" w:name="wst_fraction_1_fraction_1_nameX2_8"/>
            <w:bookmarkEnd w:id="319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0" w:name="wst_fraction_1_fraction_1_nameX2_9"/>
            <w:bookmarkEnd w:id="320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1" w:name="wst_fraction_1_fraction_1_nameX2_10"/>
            <w:bookmarkEnd w:id="321"/>
            <w:r>
              <w:rPr>
                <w:rFonts w:ascii="Arial" w:hAnsi="Arial" w:cs="Arial"/>
                <w:sz w:val="20"/>
                <w:szCs w:val="20"/>
              </w:rPr>
              <w:t>Elektronikaffal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2" w:name="wst_fraction_1_fraction_1_nameX2_11"/>
            <w:bookmarkEnd w:id="322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3" w:name="wst_fraction_1_fraction_1_nameX2_12"/>
            <w:bookmarkEnd w:id="323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4" w:name="wst_fraction_1_fraction_1_nameX2_13"/>
            <w:bookmarkEnd w:id="324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5" w:name="wst_fraction_1_fraction_1_nameX2_14"/>
            <w:bookmarkEnd w:id="325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6" w:name="wst_fraction_1_fraction_1_nameX2_15"/>
            <w:bookmarkEnd w:id="326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7" w:name="wst_fraction_1_fraction_1_nameX2_16"/>
            <w:bookmarkEnd w:id="327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8" w:name="wst_fraction_1_fraction_1_nameX2_17"/>
            <w:bookmarkEnd w:id="328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9" w:name="wst_fraction_1_fraction_1_nameX2_18"/>
            <w:bookmarkEnd w:id="329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0" w:name="wst_fraction_1_fraction_1_nameX2_19"/>
            <w:bookmarkEnd w:id="330"/>
            <w:r>
              <w:rPr>
                <w:rFonts w:ascii="Arial" w:hAnsi="Arial" w:cs="Arial"/>
                <w:sz w:val="20"/>
                <w:szCs w:val="20"/>
              </w:rPr>
              <w:t xml:space="preserve">Farve/lak maling ud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r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 opløsningsmidl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1" w:name="wst_fraction_1_fraction_1_nameX2_20"/>
            <w:bookmarkEnd w:id="331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2" w:name="wst_fraction_1_fraction_1_nameX2_21"/>
            <w:bookmarkEnd w:id="332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3" w:name="wst_fraction_1_fraction_1_nameX2_22"/>
            <w:bookmarkEnd w:id="333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4" w:name="wst_fraction_1_fraction_1_nameX2_23"/>
            <w:bookmarkEnd w:id="33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5" w:name="wst_fraction_1_fraction_1_nameX2_24"/>
            <w:bookmarkEnd w:id="335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6" w:name="wst_fraction_1_fraction_1_nameX2_25"/>
            <w:bookmarkEnd w:id="336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7" w:name="wst_fraction_1_fraction_1_nameX2_26"/>
            <w:bookmarkEnd w:id="33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8" w:name="wst_fraction_1_fraction_1_nameX2_27"/>
            <w:bookmarkEnd w:id="338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9" w:name="wst_fraction_1_fraction_1_nameX2_28"/>
            <w:bookmarkEnd w:id="339"/>
            <w:r>
              <w:rPr>
                <w:rFonts w:ascii="Arial" w:hAnsi="Arial" w:cs="Arial"/>
                <w:sz w:val="20"/>
                <w:szCs w:val="20"/>
              </w:rPr>
              <w:t xml:space="preserve">Farve/lak/maling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r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 opløsningsmidl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0" w:name="wst_fraction_1_fraction_1_nameX2_29"/>
            <w:bookmarkEnd w:id="340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1" w:name="wst_fraction_1_fraction_1_nameX2_30"/>
            <w:bookmarkEnd w:id="341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2" w:name="wst_fraction_1_fraction_1_nameX2_31"/>
            <w:bookmarkEnd w:id="342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3" w:name="wst_fraction_1_fraction_1_nameX2_32"/>
            <w:bookmarkEnd w:id="34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4" w:name="wst_fraction_1_fraction_1_nameX2_33"/>
            <w:bookmarkEnd w:id="344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5" w:name="wst_fraction_1_fraction_1_nameX2_34"/>
            <w:bookmarkEnd w:id="34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6" w:name="wst_fraction_1_fraction_1_nameX2_35"/>
            <w:bookmarkEnd w:id="346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7" w:name="wst_fraction_1_fraction_1_nameX2_36"/>
            <w:bookmarkEnd w:id="347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48" w:name="wst_fraction_1_fraction_1_nameX2_37"/>
            <w:bookmarkEnd w:id="348"/>
            <w:r>
              <w:rPr>
                <w:rFonts w:ascii="Arial" w:hAnsi="Arial" w:cs="Arial"/>
                <w:sz w:val="20"/>
                <w:szCs w:val="20"/>
              </w:rPr>
              <w:t>Fotografiske fremkalderbad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9" w:name="wst_fraction_1_fraction_1_nameX2_38"/>
            <w:bookmarkEnd w:id="349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50" w:name="wst_fraction_1_fraction_1_nameX2_39"/>
            <w:bookmarkEnd w:id="350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1" w:name="wst_fraction_1_fraction_1_nameX2_40"/>
            <w:bookmarkEnd w:id="351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2" w:name="wst_fraction_1_fraction_1_nameX2_41"/>
            <w:bookmarkEnd w:id="352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3" w:name="wst_fraction_1_fraction_1_nameX2_42"/>
            <w:bookmarkEnd w:id="353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4" w:name="wst_fraction_1_fraction_1_nameX2_43"/>
            <w:bookmarkEnd w:id="354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5" w:name="wst_fraction_1_fraction_1_nameX2_44"/>
            <w:bookmarkEnd w:id="35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6" w:name="wst_fraction_1_fraction_1_nameX2_45"/>
            <w:bookmarkEnd w:id="356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57" w:name="wst_fraction_1_fraction_1_nameX2_46"/>
            <w:bookmarkEnd w:id="357"/>
            <w:r>
              <w:rPr>
                <w:rFonts w:ascii="Arial" w:hAnsi="Arial" w:cs="Arial"/>
                <w:sz w:val="20"/>
                <w:szCs w:val="20"/>
              </w:rPr>
              <w:t>Jern og metal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8" w:name="wst_fraction_1_fraction_1_nameX2_47"/>
            <w:bookmarkEnd w:id="358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59" w:name="wst_fraction_1_fraction_1_nameX2_48"/>
            <w:bookmarkEnd w:id="359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60" w:name="wst_fraction_1_fraction_1_nameX2_49"/>
            <w:bookmarkEnd w:id="360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61" w:name="wst_fraction_1_fraction_1_nameX2_50"/>
            <w:bookmarkEnd w:id="361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62" w:name="wst_fraction_1_fraction_1_nameX2_51"/>
            <w:bookmarkEnd w:id="362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63" w:name="wst_fraction_1_fraction_1_nameX2_52"/>
            <w:bookmarkEnd w:id="363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64" w:name="wst_fraction_1_fraction_1_nameX2_53"/>
            <w:bookmarkEnd w:id="364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65" w:name="wst_fraction_1_fraction_1_nameX2_54"/>
            <w:bookmarkEnd w:id="365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6" w:name="wst_fraction_1_fraction_1_nameX2_55"/>
            <w:bookmarkEnd w:id="366"/>
            <w:r>
              <w:rPr>
                <w:rFonts w:ascii="Arial" w:hAnsi="Arial" w:cs="Arial"/>
                <w:sz w:val="20"/>
                <w:szCs w:val="20"/>
              </w:rPr>
              <w:t xml:space="preserve">Klude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r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 opløsningsmidl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67" w:name="wst_fraction_1_fraction_1_nameX2_56"/>
            <w:bookmarkEnd w:id="367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68" w:name="wst_fraction_1_fraction_1_nameX2_57"/>
            <w:bookmarkEnd w:id="368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69" w:name="wst_fraction_1_fraction_1_nameX2_58"/>
            <w:bookmarkEnd w:id="369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0" w:name="wst_fraction_1_fraction_1_nameX2_59"/>
            <w:bookmarkEnd w:id="370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1" w:name="wst_fraction_1_fraction_1_nameX2_60"/>
            <w:bookmarkEnd w:id="371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2" w:name="wst_fraction_1_fraction_1_nameX2_61"/>
            <w:bookmarkEnd w:id="372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3" w:name="wst_fraction_1_fraction_1_nameX2_62"/>
            <w:bookmarkEnd w:id="37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4" w:name="wst_fraction_1_fraction_1_nameX2_63"/>
            <w:bookmarkEnd w:id="374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5" w:name="wst_fraction_1_fraction_1_nameX2_64"/>
            <w:bookmarkEnd w:id="375"/>
            <w:r>
              <w:rPr>
                <w:rFonts w:ascii="Arial" w:hAnsi="Arial" w:cs="Arial"/>
                <w:sz w:val="20"/>
                <w:szCs w:val="20"/>
              </w:rPr>
              <w:t>Kølervæsk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6" w:name="wst_fraction_1_fraction_1_nameX2_65"/>
            <w:bookmarkEnd w:id="376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77" w:name="wst_fraction_1_fraction_1_nameX2_66"/>
            <w:bookmarkEnd w:id="377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8" w:name="wst_fraction_1_fraction_1_nameX2_67"/>
            <w:bookmarkEnd w:id="378"/>
            <w:r>
              <w:rPr>
                <w:rFonts w:ascii="Arial" w:hAnsi="Arial" w:cs="Arial"/>
                <w:sz w:val="20"/>
                <w:szCs w:val="20"/>
              </w:rPr>
              <w:t>Ikke oply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9" w:name="wst_fraction_1_fraction_1_nameX2_68"/>
            <w:bookmarkEnd w:id="379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0" w:name="wst_fraction_1_fraction_1_nameX2_69"/>
            <w:bookmarkEnd w:id="380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1" w:name="wst_fraction_1_fraction_1_nameX2_70"/>
            <w:bookmarkEnd w:id="381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2" w:name="wst_fraction_1_fraction_1_nameX2_71"/>
            <w:bookmarkEnd w:id="382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3" w:name="wst_fraction_1_fraction_1_nameX2_72"/>
            <w:bookmarkEnd w:id="383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4" w:name="wst_fraction_1_fraction_1_nameX2_73"/>
            <w:bookmarkEnd w:id="384"/>
            <w:r>
              <w:rPr>
                <w:rFonts w:ascii="Arial" w:hAnsi="Arial" w:cs="Arial"/>
                <w:sz w:val="20"/>
                <w:szCs w:val="20"/>
              </w:rPr>
              <w:t xml:space="preserve">Latex/gummislam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r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 opløsningsmidl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85" w:name="wst_fraction_1_fraction_1_nameX2_74"/>
            <w:bookmarkEnd w:id="385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86" w:name="wst_fraction_1_fraction_1_nameX2_75"/>
            <w:bookmarkEnd w:id="386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7" w:name="wst_fraction_1_fraction_1_nameX2_76"/>
            <w:bookmarkEnd w:id="387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88" w:name="wst_fraction_1_fraction_1_nameX2_77"/>
            <w:bookmarkEnd w:id="388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9" w:name="wst_fraction_1_fraction_1_nameX2_78"/>
            <w:bookmarkEnd w:id="38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0" w:name="wst_fraction_1_fraction_1_nameX2_79"/>
            <w:bookmarkEnd w:id="390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1" w:name="wst_fraction_1_fraction_1_nameX2_80"/>
            <w:bookmarkEnd w:id="39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2" w:name="wst_fraction_1_fraction_1_nameX2_81"/>
            <w:bookmarkEnd w:id="392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3" w:name="wst_fraction_1_fraction_1_nameX2_82"/>
            <w:bookmarkEnd w:id="393"/>
            <w:r>
              <w:rPr>
                <w:rFonts w:ascii="Arial" w:hAnsi="Arial" w:cs="Arial"/>
                <w:sz w:val="20"/>
                <w:szCs w:val="20"/>
              </w:rPr>
              <w:t xml:space="preserve">Limaffald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r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 opløsningsmidler/2-komponent lim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94" w:name="wst_fraction_1_fraction_1_nameX2_83"/>
            <w:bookmarkEnd w:id="394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95" w:name="wst_fraction_1_fraction_1_nameX2_84"/>
            <w:bookmarkEnd w:id="395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6" w:name="wst_fraction_1_fraction_1_nameX2_85"/>
            <w:bookmarkEnd w:id="396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97" w:name="wst_fraction_1_fraction_1_nameX2_86"/>
            <w:bookmarkEnd w:id="397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8" w:name="wst_fraction_1_fraction_1_nameX2_87"/>
            <w:bookmarkEnd w:id="398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9" w:name="wst_fraction_1_fraction_1_nameX2_88"/>
            <w:bookmarkEnd w:id="399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00" w:name="wst_fraction_1_fraction_1_nameX2_89"/>
            <w:bookmarkEnd w:id="400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01" w:name="wst_fraction_1_fraction_1_nameX2_90"/>
            <w:bookmarkEnd w:id="401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2" w:name="wst_fraction_1_fraction_1_nameX2_91"/>
            <w:bookmarkEnd w:id="402"/>
            <w:r>
              <w:rPr>
                <w:rFonts w:ascii="Arial" w:hAnsi="Arial" w:cs="Arial"/>
                <w:sz w:val="20"/>
                <w:szCs w:val="20"/>
              </w:rPr>
              <w:t>Metalaffal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03" w:name="wst_fraction_1_fraction_1_nameX2_92"/>
            <w:bookmarkEnd w:id="403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04" w:name="wst_fraction_1_fraction_1_nameX2_93"/>
            <w:bookmarkEnd w:id="404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05" w:name="wst_fraction_1_fraction_1_nameX2_94"/>
            <w:bookmarkEnd w:id="405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06" w:name="wst_fraction_1_fraction_1_nameX2_95"/>
            <w:bookmarkEnd w:id="406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07" w:name="wst_fraction_1_fraction_1_nameX2_96"/>
            <w:bookmarkEnd w:id="407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08" w:name="wst_fraction_1_fraction_1_nameX2_97"/>
            <w:bookmarkEnd w:id="408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09" w:name="wst_fraction_1_fraction_1_nameX2_98"/>
            <w:bookmarkEnd w:id="409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0" w:name="wst_fraction_1_fraction_1_nameX2_99"/>
            <w:bookmarkEnd w:id="410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1" w:name="wst_fraction_1_fraction_1_nameX2_100"/>
            <w:bookmarkEnd w:id="411"/>
            <w:r>
              <w:rPr>
                <w:rFonts w:ascii="Arial" w:hAnsi="Arial" w:cs="Arial"/>
                <w:sz w:val="20"/>
                <w:szCs w:val="20"/>
              </w:rPr>
              <w:t>Papir og pap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12" w:name="wst_fraction_1_fraction_1_nameX2_101"/>
            <w:bookmarkEnd w:id="412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13" w:name="wst_fraction_1_fraction_1_nameX2_102"/>
            <w:bookmarkEnd w:id="413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4" w:name="wst_fraction_1_fraction_1_nameX2_103"/>
            <w:bookmarkEnd w:id="414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15" w:name="wst_fraction_1_fraction_1_nameX2_104"/>
            <w:bookmarkEnd w:id="415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6" w:name="wst_fraction_1_fraction_1_nameX2_105"/>
            <w:bookmarkEnd w:id="416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7" w:name="wst_fraction_1_fraction_1_nameX2_106"/>
            <w:bookmarkEnd w:id="417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8" w:name="wst_fraction_1_fraction_1_nameX2_107"/>
            <w:bookmarkEnd w:id="418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9" w:name="wst_fraction_1_fraction_1_nameX2_108"/>
            <w:bookmarkEnd w:id="419"/>
          </w:p>
        </w:tc>
      </w:tr>
      <w:tr w:rsidR="000F7D00" w:rsidRPr="00245E8B" w:rsidTr="000F7D00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0" w:name="wst_fraction_1_fraction_1_nameX2_109"/>
            <w:bookmarkEnd w:id="420"/>
            <w:r>
              <w:rPr>
                <w:rFonts w:ascii="Arial" w:hAnsi="Arial" w:cs="Arial"/>
                <w:sz w:val="20"/>
                <w:szCs w:val="20"/>
              </w:rPr>
              <w:t>Plas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21" w:name="wst_fraction_1_fraction_1_nameX2_110"/>
            <w:bookmarkEnd w:id="421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22" w:name="wst_fraction_1_fraction_1_nameX2_111"/>
            <w:bookmarkEnd w:id="422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3" w:name="wst_fraction_1_fraction_1_nameX2_112"/>
            <w:bookmarkEnd w:id="423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24" w:name="wst_fraction_1_fraction_1_nameX2_113"/>
            <w:bookmarkEnd w:id="42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5" w:name="wst_fraction_1_fraction_1_nameX2_114"/>
            <w:bookmarkEnd w:id="425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6" w:name="wst_fraction_1_fraction_1_nameX2_115"/>
            <w:bookmarkEnd w:id="426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7" w:name="wst_fraction_1_fraction_1_nameX2_116"/>
            <w:bookmarkEnd w:id="42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8" w:name="wst_fraction_1_fraction_1_nameX2_117"/>
            <w:bookmarkEnd w:id="428"/>
          </w:p>
        </w:tc>
      </w:tr>
      <w:tr w:rsidR="000F7D00" w:rsidRPr="00245E8B" w:rsidTr="00F94A99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9" w:name="wst_fraction_1_fraction_1_nameX2_118"/>
            <w:bookmarkEnd w:id="429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30" w:name="wst_fraction_1_fraction_1_nameX2_119"/>
            <w:bookmarkEnd w:id="430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31" w:name="wst_fraction_1_fraction_1_nameX2_120"/>
            <w:bookmarkEnd w:id="431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32" w:name="wst_fraction_1_fraction_1_nameX2_121"/>
            <w:bookmarkEnd w:id="432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33" w:name="wst_fraction_1_fraction_1_nameX2_122"/>
            <w:bookmarkEnd w:id="43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34" w:name="wst_fraction_1_fraction_1_nameX2_123"/>
            <w:bookmarkEnd w:id="434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35" w:name="wst_fraction_1_fraction_1_nameX2_124"/>
            <w:bookmarkEnd w:id="43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36" w:name="wst_fraction_1_fraction_1_nameX2_125"/>
            <w:bookmarkEnd w:id="436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:rsidR="000F7D00" w:rsidRPr="00245E8B" w:rsidRDefault="000F7D00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:rsidTr="00022DAC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EC6E6D" w:rsidRPr="00245E8B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7" w:name="ind_control_items_control_item_nameX7"/>
            <w:bookmarkEnd w:id="437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8" w:name="ind_control_items_control_item_nameX7_2"/>
            <w:bookmarkEnd w:id="438"/>
          </w:p>
        </w:tc>
      </w:tr>
      <w:tr w:rsidR="000F7D00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9" w:name="ind_control_items_control_item_nameX7_3"/>
            <w:bookmarkEnd w:id="439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0" w:name="ind_control_items_control_item_nameX7_4"/>
            <w:bookmarkEnd w:id="440"/>
            <w:r>
              <w:rPr>
                <w:rFonts w:ascii="Arial" w:hAnsi="Arial" w:cs="Arial"/>
                <w:sz w:val="20"/>
                <w:szCs w:val="20"/>
              </w:rPr>
              <w:t>I opbevaringsrummet for farligt affald var beholdere ikke placeret på opsamlingsbeholdere. Det blev aftalt, at virksomheden bringer det i orden snarligt og fremsender fotodokumentation for, at det er sket</w:t>
            </w:r>
            <w:r w:rsidR="003C691D">
              <w:rPr>
                <w:rFonts w:ascii="Arial" w:hAnsi="Arial" w:cs="Arial"/>
                <w:sz w:val="20"/>
                <w:szCs w:val="20"/>
              </w:rPr>
              <w:t xml:space="preserve"> (er modtaget 21.12.16)</w:t>
            </w:r>
            <w:r>
              <w:rPr>
                <w:rFonts w:ascii="Arial" w:hAnsi="Arial" w:cs="Arial"/>
                <w:sz w:val="20"/>
                <w:szCs w:val="20"/>
              </w:rPr>
              <w:t>, samt at farligt affald fremover opbevares med mulighed for opsamling. Det vurderes, at der er tilstrækkelig opsamlingskapacitet i tilfælde af brud på den største beholder.</w:t>
            </w:r>
          </w:p>
          <w:p w:rsidR="00753346" w:rsidRPr="00245E8B" w:rsidRDefault="00753346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F7D00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1" w:name="ind_control_items_control_item_nameX7_5"/>
            <w:bookmarkEnd w:id="441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2" w:name="ind_control_items_control_item_nameX7_6"/>
            <w:bookmarkEnd w:id="442"/>
            <w:r>
              <w:rPr>
                <w:rFonts w:ascii="Arial" w:hAnsi="Arial" w:cs="Arial"/>
                <w:sz w:val="20"/>
                <w:szCs w:val="20"/>
              </w:rPr>
              <w:t>Ok</w:t>
            </w:r>
          </w:p>
        </w:tc>
      </w:tr>
      <w:tr w:rsidR="000F7D00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3" w:name="ind_control_items_control_item_nameX7_7"/>
            <w:bookmarkEnd w:id="443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F7D00" w:rsidRDefault="00F81576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4" w:name="ind_control_items_control_item_nameX7_8"/>
            <w:bookmarkEnd w:id="444"/>
            <w:r>
              <w:rPr>
                <w:rFonts w:ascii="Arial" w:hAnsi="Arial" w:cs="Arial"/>
                <w:sz w:val="20"/>
                <w:szCs w:val="20"/>
              </w:rPr>
              <w:t>-</w:t>
            </w:r>
          </w:p>
        </w:tc>
      </w:tr>
      <w:tr w:rsidR="000F7D00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5" w:name="ind_control_items_control_item_nameX7_9"/>
            <w:bookmarkEnd w:id="445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6" w:name="ind_control_items_control_item_nameX7_10"/>
            <w:bookmarkEnd w:id="446"/>
            <w:r>
              <w:rPr>
                <w:rFonts w:ascii="Arial" w:hAnsi="Arial" w:cs="Arial"/>
                <w:sz w:val="20"/>
                <w:szCs w:val="20"/>
              </w:rPr>
              <w:t>Ok</w:t>
            </w:r>
          </w:p>
        </w:tc>
      </w:tr>
      <w:tr w:rsidR="000F7D00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7" w:name="ind_control_items_control_item_nameX7_11"/>
            <w:bookmarkEnd w:id="447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8" w:name="ind_control_items_control_item_nameX7_12"/>
            <w:bookmarkEnd w:id="448"/>
            <w:r>
              <w:rPr>
                <w:rFonts w:ascii="Arial" w:hAnsi="Arial" w:cs="Arial"/>
                <w:sz w:val="20"/>
                <w:szCs w:val="20"/>
              </w:rPr>
              <w:t>Stena Recycling A/S afhenter alle affaldsfraktioner.</w:t>
            </w:r>
          </w:p>
        </w:tc>
      </w:tr>
      <w:tr w:rsidR="000F7D00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9" w:name="ind_control_items_control_item_nameX7_13"/>
            <w:bookmarkEnd w:id="449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F7D00" w:rsidRDefault="00F81576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0" w:name="ind_control_items_control_item_nameX7_14"/>
            <w:bookmarkEnd w:id="450"/>
            <w:r>
              <w:rPr>
                <w:rFonts w:ascii="Arial" w:hAnsi="Arial" w:cs="Arial"/>
                <w:sz w:val="20"/>
                <w:szCs w:val="20"/>
              </w:rPr>
              <w:t>Ingen bemærkninger.</w:t>
            </w:r>
          </w:p>
        </w:tc>
      </w:tr>
      <w:tr w:rsidR="000F7D00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1" w:name="ind_control_items_control_item_nameX7_15"/>
            <w:bookmarkEnd w:id="451"/>
            <w:r>
              <w:rPr>
                <w:rFonts w:ascii="Arial" w:hAnsi="Arial" w:cs="Arial"/>
                <w:sz w:val="20"/>
                <w:szCs w:val="20"/>
              </w:rPr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753346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2" w:name="ind_control_items_control_item_nameX7_16"/>
            <w:bookmarkEnd w:id="452"/>
            <w:r>
              <w:rPr>
                <w:rFonts w:ascii="Arial" w:hAnsi="Arial" w:cs="Arial"/>
                <w:sz w:val="20"/>
                <w:szCs w:val="20"/>
              </w:rPr>
              <w:t>Der er vilkår om opbevaring, håndtering og afhentning af farligt affald. Virksomheden skal føre journal over affaldet og årligt indberette denne til tilsynsmyndigheden senest 1. december hvert år.</w:t>
            </w:r>
          </w:p>
          <w:p w:rsidR="000F7D00" w:rsidRDefault="000F7D00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022DAC" w:rsidRPr="00F94A99" w:rsidRDefault="00022DAC" w:rsidP="00022DAC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t>Generelle bemærkninger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022DAC" w:rsidRPr="00245E8B" w:rsidTr="00022DAC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:rsidR="00022DAC" w:rsidRPr="00245E8B" w:rsidRDefault="00022DAC" w:rsidP="00B0413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:rsidR="00022DAC" w:rsidRPr="00245E8B" w:rsidRDefault="00022DAC" w:rsidP="00B0413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022DAC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22DAC" w:rsidRDefault="00022DAC" w:rsidP="00B041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3" w:name="ind_control_items_control_item_nameX11"/>
            <w:bookmarkStart w:id="454" w:name="ind_control_items_control_item_nameX11_3"/>
            <w:bookmarkEnd w:id="453"/>
            <w:bookmarkEnd w:id="454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22DAC" w:rsidRDefault="006A5C62" w:rsidP="00B041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5" w:name="ind_control_items_control_item_nameX11_4"/>
            <w:bookmarkEnd w:id="455"/>
            <w:r w:rsidRPr="006A5C62">
              <w:rPr>
                <w:rFonts w:ascii="Arial" w:hAnsi="Arial" w:cs="Arial"/>
                <w:sz w:val="20"/>
                <w:szCs w:val="20"/>
              </w:rPr>
              <w:t>Virksomheden er omfattet af VOC- bekendtgørelsen. Miljø har modtaget redegørelse for 2015/16 i henhold hertil.</w:t>
            </w:r>
          </w:p>
        </w:tc>
      </w:tr>
      <w:tr w:rsidR="00022DAC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22DAC" w:rsidRDefault="00022DAC" w:rsidP="00B041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6" w:name="ind_control_items_control_item_nameX11_5"/>
            <w:bookmarkStart w:id="457" w:name="ind_control_items_control_item_nameX11_7"/>
            <w:bookmarkEnd w:id="456"/>
            <w:bookmarkEnd w:id="457"/>
            <w:r>
              <w:rPr>
                <w:rFonts w:ascii="Arial" w:hAnsi="Arial" w:cs="Arial"/>
                <w:sz w:val="20"/>
                <w:szCs w:val="20"/>
              </w:rPr>
              <w:t xml:space="preserve">Konklusion på egenkontrol/driftsjournal 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6A5C62" w:rsidRPr="006A5C62" w:rsidRDefault="006A5C62" w:rsidP="006A5C62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8" w:name="ind_control_items_control_item_nameX11_8"/>
            <w:bookmarkEnd w:id="458"/>
            <w:r w:rsidRPr="006A5C62">
              <w:rPr>
                <w:rFonts w:ascii="Arial" w:hAnsi="Arial" w:cs="Arial"/>
                <w:sz w:val="20"/>
                <w:szCs w:val="20"/>
              </w:rPr>
              <w:t>Virksomheden skal senest 1. december hvert år indsende journal over indkøb af stoffer indeholdende opløsningsmidler til tilsynsmyndigheden, samt journal over farligt affald.</w:t>
            </w:r>
          </w:p>
          <w:p w:rsidR="00022DAC" w:rsidRDefault="006A5C62" w:rsidP="006A5C62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6A5C62">
              <w:rPr>
                <w:rFonts w:ascii="Arial" w:hAnsi="Arial" w:cs="Arial"/>
                <w:sz w:val="20"/>
                <w:szCs w:val="20"/>
              </w:rPr>
              <w:t>Miljø har modtaget disse indberetninger. Virksomheden har journal i henhold til vilkår 48 og 49.</w:t>
            </w:r>
          </w:p>
          <w:p w:rsidR="00753346" w:rsidRDefault="00753346" w:rsidP="006A5C62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22DAC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22DAC" w:rsidRDefault="00022DAC" w:rsidP="00B041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9" w:name="ind_control_items_control_item_nameX11_9"/>
            <w:bookmarkEnd w:id="459"/>
            <w:r>
              <w:rPr>
                <w:rFonts w:ascii="Arial" w:hAnsi="Arial" w:cs="Arial"/>
                <w:sz w:val="20"/>
                <w:szCs w:val="20"/>
              </w:rPr>
              <w:t>Konstateret jordforurening ved tilsy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22DAC" w:rsidRDefault="00022DAC" w:rsidP="00B041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blev ikke konstateret jordforurening ved tilsynet.</w:t>
            </w:r>
          </w:p>
        </w:tc>
      </w:tr>
      <w:tr w:rsidR="00022DAC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:rsidR="00022DAC" w:rsidRDefault="00022DAC" w:rsidP="00B041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:rsidR="00022DAC" w:rsidRDefault="006A5C62" w:rsidP="00B041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6A5C62">
              <w:rPr>
                <w:rFonts w:ascii="Arial" w:hAnsi="Arial" w:cs="Arial"/>
                <w:sz w:val="20"/>
                <w:szCs w:val="20"/>
              </w:rPr>
              <w:t xml:space="preserve">Virksomheden er i december 2016 blevet miljøcertificeret efter 14001. Herudover har </w:t>
            </w:r>
            <w:proofErr w:type="spellStart"/>
            <w:r w:rsidRPr="006A5C62">
              <w:rPr>
                <w:rFonts w:ascii="Arial" w:hAnsi="Arial" w:cs="Arial"/>
                <w:sz w:val="20"/>
                <w:szCs w:val="20"/>
              </w:rPr>
              <w:t>Stibo</w:t>
            </w:r>
            <w:proofErr w:type="spellEnd"/>
            <w:r w:rsidRPr="006A5C62">
              <w:rPr>
                <w:rFonts w:ascii="Arial" w:hAnsi="Arial" w:cs="Arial"/>
                <w:sz w:val="20"/>
                <w:szCs w:val="20"/>
              </w:rPr>
              <w:t xml:space="preserve"> Printing Solutions, som ejer Color Print, licens til EU-Blomsten, Svanemærket, PEFC- og FSC-certificering og der tilbydes CO2-neutralisering af tryksager.</w:t>
            </w:r>
          </w:p>
          <w:p w:rsidR="00753346" w:rsidRDefault="00753346" w:rsidP="00B041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22DAC" w:rsidRPr="00245E8B" w:rsidTr="00022DA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:rsidR="00022DAC" w:rsidRDefault="00022DAC" w:rsidP="00B041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æredygtighe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:rsidR="006A5C62" w:rsidRPr="006A5C62" w:rsidRDefault="006A5C62" w:rsidP="006A5C62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0" w:name="ind_control_items_control_item_nameX11_1"/>
            <w:bookmarkEnd w:id="460"/>
            <w:r w:rsidRPr="006A5C62">
              <w:rPr>
                <w:rFonts w:ascii="Arial" w:hAnsi="Arial" w:cs="Arial"/>
                <w:sz w:val="20"/>
                <w:szCs w:val="20"/>
              </w:rPr>
              <w:t>Virksomheden genvinder varme fra produktionen til eget forbrug, samt har i 2016 etableret genvinding af varme til hal, der ikke er i brug af virksomheden selv mere og anvendes af anden virksomhed. 2 ovne er renoveret. Anslået er der reduceret 20 % på energiforbruget til produktionen. Virksomheden arbejder løbende med at reducere ener</w:t>
            </w:r>
            <w:r>
              <w:rPr>
                <w:rFonts w:ascii="Arial" w:hAnsi="Arial" w:cs="Arial"/>
                <w:sz w:val="20"/>
                <w:szCs w:val="20"/>
              </w:rPr>
              <w:t>gi</w:t>
            </w:r>
            <w:r w:rsidRPr="006A5C62">
              <w:rPr>
                <w:rFonts w:ascii="Arial" w:hAnsi="Arial" w:cs="Arial"/>
                <w:sz w:val="20"/>
                <w:szCs w:val="20"/>
              </w:rPr>
              <w:t>forbruget og har flere andre emner i fokus i den sammenhæng (lys og trykluft bla.).</w:t>
            </w:r>
          </w:p>
          <w:p w:rsidR="006A5C62" w:rsidRPr="006A5C62" w:rsidRDefault="006A5C62" w:rsidP="006A5C62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:rsidR="00022DAC" w:rsidRDefault="006A5C62" w:rsidP="006A5C62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6A5C62">
              <w:rPr>
                <w:rFonts w:ascii="Arial" w:hAnsi="Arial" w:cs="Arial"/>
                <w:sz w:val="20"/>
                <w:szCs w:val="20"/>
              </w:rPr>
              <w:t>I forhold til NBE har virksomheden nok at se til med de projekter de selv har i gang. Der netværkes internt i koncernen. Mht. nye forretningspotentiale</w:t>
            </w:r>
            <w:r>
              <w:rPr>
                <w:rFonts w:ascii="Arial" w:hAnsi="Arial" w:cs="Arial"/>
                <w:sz w:val="20"/>
                <w:szCs w:val="20"/>
              </w:rPr>
              <w:t xml:space="preserve">r </w:t>
            </w:r>
            <w:r w:rsidRPr="006A5C62">
              <w:rPr>
                <w:rFonts w:ascii="Arial" w:hAnsi="Arial" w:cs="Arial"/>
                <w:sz w:val="20"/>
                <w:szCs w:val="20"/>
              </w:rPr>
              <w:t>arbejdes der med dette i hovedsædet i Horsens.</w:t>
            </w:r>
          </w:p>
          <w:p w:rsidR="00022DAC" w:rsidRDefault="00022DAC" w:rsidP="00B0413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022DAC" w:rsidRPr="00F94A99" w:rsidRDefault="00022DAC" w:rsidP="00022DAC">
      <w:pPr>
        <w:rPr>
          <w:rFonts w:ascii="Arial" w:hAnsi="Arial" w:cs="Arial"/>
          <w:sz w:val="22"/>
          <w:szCs w:val="22"/>
        </w:rPr>
      </w:pPr>
    </w:p>
    <w:p w:rsidR="0025365D" w:rsidRPr="008426F8" w:rsidRDefault="0025365D" w:rsidP="00022DAC">
      <w:pPr>
        <w:pStyle w:val="Overskrift2"/>
        <w:ind w:left="426"/>
      </w:pPr>
    </w:p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F7D00" w:rsidRDefault="000F7D00">
      <w:r>
        <w:separator/>
      </w:r>
    </w:p>
  </w:endnote>
  <w:endnote w:type="continuationSeparator" w:id="0">
    <w:p w:rsidR="000F7D00" w:rsidRDefault="000F7D0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F7D00" w:rsidRDefault="000F7D00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0F7D00" w:rsidRPr="00080AA0" w:rsidRDefault="000F7D00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 w:rsidR="009E0B08">
      <w:rPr>
        <w:rStyle w:val="Sidetal"/>
        <w:noProof/>
      </w:rPr>
      <w:t>6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 w:rsidR="009E0B08">
      <w:rPr>
        <w:rStyle w:val="Sidetal"/>
        <w:noProof/>
      </w:rPr>
      <w:t>7</w:t>
    </w:r>
    <w:r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F7D00" w:rsidRDefault="000F7D00" w:rsidP="00042200">
    <w:pPr>
      <w:pStyle w:val="Sidefod"/>
      <w:spacing w:after="0"/>
      <w:ind w:right="-1815"/>
      <w:rPr>
        <w:b/>
      </w:rPr>
    </w:pPr>
  </w:p>
  <w:p w:rsidR="000F7D00" w:rsidRPr="00042200" w:rsidRDefault="000F7D00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0F7D00" w:rsidRPr="00080AA0" w:rsidRDefault="000F7D00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F7D00" w:rsidRDefault="000F7D00">
      <w:r>
        <w:separator/>
      </w:r>
    </w:p>
  </w:footnote>
  <w:footnote w:type="continuationSeparator" w:id="0">
    <w:p w:rsidR="000F7D00" w:rsidRDefault="000F7D00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F7D00" w:rsidRDefault="000F7D00" w:rsidP="00960A46">
    <w:pPr>
      <w:pStyle w:val="Sidehoved"/>
    </w:pPr>
  </w:p>
  <w:p w:rsidR="000F7D00" w:rsidRDefault="000F7D00" w:rsidP="00960A46">
    <w:pPr>
      <w:pStyle w:val="Sidehoved"/>
    </w:pPr>
  </w:p>
  <w:p w:rsidR="000F7D00" w:rsidRDefault="000F7D00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>Aalborg Kommune, Miljø, MEF</w:t>
    </w:r>
    <w:r w:rsidRPr="00C96C06">
      <w:rPr>
        <w:i/>
        <w:sz w:val="20"/>
        <w:szCs w:val="20"/>
      </w:rPr>
      <w:br/>
      <w:t>Stigsborg Brygge 5, 9400 Nørresundby</w:t>
    </w:r>
  </w:p>
  <w:p w:rsidR="000F7D00" w:rsidRPr="00C96C06" w:rsidRDefault="000F7D00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1"/>
  </w:num>
  <w:num w:numId="2">
    <w:abstractNumId w:val="8"/>
  </w:num>
  <w:num w:numId="3">
    <w:abstractNumId w:val="10"/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14337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F6188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22DA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65547"/>
    <w:rsid w:val="000722C0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E0F33"/>
    <w:rsid w:val="000E1CD7"/>
    <w:rsid w:val="000E1EDF"/>
    <w:rsid w:val="000F0316"/>
    <w:rsid w:val="000F3BC9"/>
    <w:rsid w:val="000F7D00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81D"/>
    <w:rsid w:val="001E21B1"/>
    <w:rsid w:val="001E2B90"/>
    <w:rsid w:val="001E3B97"/>
    <w:rsid w:val="001F13F1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C691D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354B"/>
    <w:rsid w:val="004D56BD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7062C"/>
    <w:rsid w:val="0057176D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3DE1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1C4C"/>
    <w:rsid w:val="006A5C62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3346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26516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80D9B"/>
    <w:rsid w:val="00980DDA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0B08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75ED0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1576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4337"/>
    <o:shapelayout v:ext="edit">
      <o:idmap v:ext="edit" data="1"/>
    </o:shapelayout>
  </w:shapeDefaults>
  <w:decimalSymbol w:val=","/>
  <w:listSeparator w:val=";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1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LP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40</TotalTime>
  <Pages>7</Pages>
  <Words>1046</Words>
  <Characters>7420</Characters>
  <Application>Microsoft Office Word</Application>
  <DocSecurity>0</DocSecurity>
  <Lines>61</Lines>
  <Paragraphs>16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845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ian Rasmussen</dc:creator>
  <cp:lastModifiedBy>Lone Pedersen</cp:lastModifiedBy>
  <cp:revision>6</cp:revision>
  <cp:lastPrinted>2017-01-11T12:26:00Z</cp:lastPrinted>
  <dcterms:created xsi:type="dcterms:W3CDTF">2017-01-11T12:27:00Z</dcterms:created>
  <dcterms:modified xsi:type="dcterms:W3CDTF">2017-01-11T13:07:00Z</dcterms:modified>
</cp:coreProperties>
</file>